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47\Desktop\"/>
    </mc:Choice>
  </mc:AlternateContent>
  <xr:revisionPtr revIDLastSave="0" documentId="13_ncr:1_{D5AB7565-A64D-4412-AD27-B15B66AFCB00}" xr6:coauthVersionLast="47" xr6:coauthVersionMax="47" xr10:uidLastSave="{00000000-0000-0000-0000-000000000000}"/>
  <bookViews>
    <workbookView xWindow="-110" yWindow="-110" windowWidth="19420" windowHeight="11620" xr2:uid="{00000000-000D-0000-FFFF-FFFF00000000}"/>
  </bookViews>
  <sheets>
    <sheet name="年間行事予定 " sheetId="2" r:id="rId1"/>
  </sheets>
  <definedNames>
    <definedName name="_xlnm.Print_Area" localSheetId="0">'年間行事予定 '!$A$1:$AJ$35</definedName>
    <definedName name="_xlnm.Print_Titles" localSheetId="0">'年間行事予定 '!$1:$3</definedName>
  </definedNames>
  <calcPr calcId="0"/>
</workbook>
</file>

<file path=xl/sharedStrings.xml><?xml version="1.0" encoding="utf-8"?>
<sst xmlns="http://schemas.openxmlformats.org/spreadsheetml/2006/main" count="824" uniqueCount="98">
  <si>
    <t>令和6年度</t>
  </si>
  <si>
    <t>雲南市立西日登小学校</t>
  </si>
  <si>
    <t>年間行事予定</t>
  </si>
  <si>
    <t>4月</t>
  </si>
  <si>
    <t/>
  </si>
  <si>
    <t>5月</t>
  </si>
  <si>
    <t>6月</t>
  </si>
  <si>
    <t>7月</t>
  </si>
  <si>
    <t>8月</t>
  </si>
  <si>
    <t>9月</t>
  </si>
  <si>
    <t>10月</t>
  </si>
  <si>
    <t>11月</t>
  </si>
  <si>
    <t>12月</t>
  </si>
  <si>
    <t>1月</t>
  </si>
  <si>
    <t>2月</t>
  </si>
  <si>
    <t>3月</t>
  </si>
  <si>
    <t>月</t>
  </si>
  <si>
    <t>学年始休業日</t>
  </si>
  <si>
    <t>水</t>
  </si>
  <si>
    <t>土</t>
  </si>
  <si>
    <t>休日</t>
  </si>
  <si>
    <t>委員会</t>
  </si>
  <si>
    <t>木</t>
  </si>
  <si>
    <t>夏季休業日</t>
  </si>
  <si>
    <t>日</t>
  </si>
  <si>
    <t>火</t>
  </si>
  <si>
    <t>金</t>
  </si>
  <si>
    <t>冬季休業日,元日</t>
  </si>
  <si>
    <t>２学期始業式</t>
  </si>
  <si>
    <t>冬季休業日</t>
  </si>
  <si>
    <t>憲法記念日</t>
  </si>
  <si>
    <t>学習公開日（にしっ子健康教室）,地区懇談会</t>
  </si>
  <si>
    <t>給食開始</t>
  </si>
  <si>
    <t>文化の日</t>
  </si>
  <si>
    <t>県学力調査</t>
  </si>
  <si>
    <t>クラブ</t>
  </si>
  <si>
    <t>みどりの日</t>
  </si>
  <si>
    <t>振替休日</t>
  </si>
  <si>
    <t>こどもの日</t>
  </si>
  <si>
    <t>避難訓練</t>
  </si>
  <si>
    <t>３学期始業式</t>
  </si>
  <si>
    <t>雲南市陸上大会</t>
  </si>
  <si>
    <t>個人面談</t>
  </si>
  <si>
    <t>夏季休業日,山の日</t>
  </si>
  <si>
    <t>雲南市陸上大会予備日</t>
  </si>
  <si>
    <t>振替休業日</t>
  </si>
  <si>
    <t>建国記念の日</t>
  </si>
  <si>
    <t>尿検査２回目</t>
  </si>
  <si>
    <t>150周年記念集会</t>
  </si>
  <si>
    <t>夏季休業日,振替休日</t>
  </si>
  <si>
    <t>成人の日</t>
  </si>
  <si>
    <t>スポーツの日</t>
  </si>
  <si>
    <t>新入生一日入学</t>
  </si>
  <si>
    <t>海の日,創立記念日</t>
  </si>
  <si>
    <t>夏季休業日,高津公園祭り</t>
  </si>
  <si>
    <t>休日,敬老祭</t>
  </si>
  <si>
    <t>敬老の日</t>
  </si>
  <si>
    <t>給食最終</t>
  </si>
  <si>
    <t>学習公開日</t>
  </si>
  <si>
    <t>全校遠足</t>
  </si>
  <si>
    <t>１学期終業式</t>
  </si>
  <si>
    <t>卒業式</t>
  </si>
  <si>
    <t>春分の日</t>
  </si>
  <si>
    <t>秋分の日</t>
  </si>
  <si>
    <t>勤労感謝の日</t>
  </si>
  <si>
    <t>天皇誕生日</t>
  </si>
  <si>
    <t>修了式,離任式</t>
  </si>
  <si>
    <t>２学期終業式</t>
  </si>
  <si>
    <t>学年末休業日</t>
  </si>
  <si>
    <t>宿泊研修</t>
  </si>
  <si>
    <t>尿検査１回目</t>
  </si>
  <si>
    <t>学習公開日,学級懇談,学校評議員会</t>
  </si>
  <si>
    <t>６年生を送る会</t>
  </si>
  <si>
    <t>昭和の日</t>
  </si>
  <si>
    <t>１学期始業式</t>
    <phoneticPr fontId="2"/>
  </si>
  <si>
    <t>入学式</t>
    <phoneticPr fontId="2"/>
  </si>
  <si>
    <t>交通安全教室
委員会</t>
    <phoneticPr fontId="2"/>
  </si>
  <si>
    <t>交通安全教室予備日
全国学力・学習状況調査質問紙オンライン</t>
    <phoneticPr fontId="2"/>
  </si>
  <si>
    <t>学習公開日,引き渡し訓練,見守り隊さんとの対面式,PTA総会,学級懇談</t>
    <phoneticPr fontId="2"/>
  </si>
  <si>
    <t>交通安全教室予備日</t>
    <phoneticPr fontId="2"/>
  </si>
  <si>
    <t>学年始休業日</t>
    <phoneticPr fontId="2"/>
  </si>
  <si>
    <t>150周年記念
にしっ子運動会</t>
    <phoneticPr fontId="2"/>
  </si>
  <si>
    <t>②チャレンジタイム</t>
    <phoneticPr fontId="2"/>
  </si>
  <si>
    <t>R6.4.8現在</t>
    <rPh sb="6" eb="8">
      <t>ゲンザイ</t>
    </rPh>
    <phoneticPr fontId="2"/>
  </si>
  <si>
    <t>校外児童会
給食開始</t>
    <phoneticPr fontId="2"/>
  </si>
  <si>
    <t>PTA専門部会
PTA役員会</t>
    <phoneticPr fontId="2"/>
  </si>
  <si>
    <t>学習公開日,PTA研修会,学校評議員会</t>
    <phoneticPr fontId="2"/>
  </si>
  <si>
    <t>家庭訪問,①②全国学力・学習状況調査</t>
    <phoneticPr fontId="2"/>
  </si>
  <si>
    <t>家庭訪問</t>
    <phoneticPr fontId="2"/>
  </si>
  <si>
    <t>１年生を迎える会・なかよし班顔合わせ会,内科検診</t>
    <phoneticPr fontId="2"/>
  </si>
  <si>
    <t>耳鼻科検診</t>
    <phoneticPr fontId="2"/>
  </si>
  <si>
    <t>心電図・血液検査</t>
    <phoneticPr fontId="2"/>
  </si>
  <si>
    <t>眼科検診</t>
    <phoneticPr fontId="2"/>
  </si>
  <si>
    <t>雲南市連合音楽会</t>
    <phoneticPr fontId="2"/>
  </si>
  <si>
    <t>学習公開日・壮行演奏会,救急救命法講習,学校評議員会</t>
    <phoneticPr fontId="2"/>
  </si>
  <si>
    <t>卒業式準備
６年生給食最終</t>
    <phoneticPr fontId="2"/>
  </si>
  <si>
    <t>休日
木次中卒業式</t>
    <phoneticPr fontId="2"/>
  </si>
  <si>
    <t>にしっ子発表会
ふれあい祭り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1"/>
    </font>
    <font>
      <sz val="11"/>
      <name val="ＭＳ Ｐゴシック"/>
      <family val="1"/>
    </font>
    <font>
      <sz val="6"/>
      <name val="ＭＳ Ｐ明朝"/>
      <family val="1"/>
      <charset val="128"/>
    </font>
    <font>
      <sz val="14"/>
      <name val="UD デジタル 教科書体 NK-R"/>
      <family val="1"/>
      <charset val="128"/>
    </font>
    <font>
      <sz val="11"/>
      <name val="UD デジタル 教科書体 NK-R"/>
      <family val="1"/>
      <charset val="128"/>
    </font>
    <font>
      <sz val="9"/>
      <name val="UD デジタル 教科書体 NK-R"/>
      <family val="1"/>
      <charset val="128"/>
    </font>
    <font>
      <sz val="6"/>
      <name val="UD デジタル 教科書体 NK-R"/>
      <family val="1"/>
      <charset val="128"/>
    </font>
    <font>
      <sz val="8"/>
      <name val="UD デジタル 教科書体 NK-R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BFBFBF"/>
      </patternFill>
    </fill>
    <fill>
      <patternFill patternType="solid">
        <fgColor rgb="FFBFBFBF"/>
      </patternFill>
    </fill>
    <fill>
      <patternFill patternType="solid">
        <fgColor rgb="FFBFBFBF"/>
      </patternFill>
    </fill>
  </fills>
  <borders count="12">
    <border>
      <left/>
      <right/>
      <top/>
      <bottom/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medium">
        <color rgb="FF000000"/>
      </right>
      <top style="thin">
        <color rgb="FF000000"/>
      </top>
      <bottom/>
      <diagonal/>
    </border>
    <border>
      <left style="thin">
        <color rgb="FF000000"/>
      </left>
      <right style="medium">
        <color rgb="FF000000"/>
      </right>
      <top style="thin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medium">
        <color rgb="FF000000"/>
      </left>
      <right/>
      <top style="thin">
        <color rgb="FF000000"/>
      </top>
      <bottom style="medium">
        <color indexed="64"/>
      </bottom>
      <diagonal/>
    </border>
    <border>
      <left style="thin">
        <color rgb="FF000000"/>
      </left>
      <right/>
      <top style="thin">
        <color rgb="FF000000"/>
      </top>
      <bottom style="medium">
        <color indexed="64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indexed="64"/>
      </bottom>
      <diagonal/>
    </border>
  </borders>
  <cellStyleXfs count="2">
    <xf numFmtId="0" fontId="0" fillId="0" borderId="0"/>
    <xf numFmtId="0" fontId="1" fillId="0" borderId="0"/>
  </cellStyleXfs>
  <cellXfs count="22">
    <xf numFmtId="0" fontId="0" fillId="0" borderId="0" xfId="0"/>
    <xf numFmtId="0" fontId="3" fillId="0" borderId="0" xfId="0" applyFont="1"/>
    <xf numFmtId="0" fontId="4" fillId="0" borderId="0" xfId="0" applyFont="1"/>
    <xf numFmtId="0" fontId="4" fillId="0" borderId="0" xfId="0" applyFont="1" applyAlignment="1">
      <alignment wrapText="1"/>
    </xf>
    <xf numFmtId="0" fontId="5" fillId="3" borderId="7" xfId="1" applyFont="1" applyFill="1" applyBorder="1" applyAlignment="1">
      <alignment horizontal="center" vertical="center" wrapText="1" shrinkToFit="1"/>
    </xf>
    <xf numFmtId="0" fontId="5" fillId="4" borderId="8" xfId="1" applyFont="1" applyFill="1" applyBorder="1" applyAlignment="1">
      <alignment horizontal="center" vertical="center" wrapText="1" shrinkToFit="1"/>
    </xf>
    <xf numFmtId="0" fontId="5" fillId="2" borderId="6" xfId="1" applyFont="1" applyFill="1" applyBorder="1" applyAlignment="1">
      <alignment horizontal="left" vertical="center" wrapText="1" shrinkToFit="1"/>
    </xf>
    <xf numFmtId="0" fontId="5" fillId="0" borderId="3" xfId="1" applyFont="1" applyBorder="1" applyAlignment="1">
      <alignment horizontal="center" vertical="center" wrapText="1" shrinkToFit="1"/>
    </xf>
    <xf numFmtId="0" fontId="5" fillId="0" borderId="4" xfId="1" applyFont="1" applyBorder="1" applyAlignment="1">
      <alignment horizontal="center" vertical="center" wrapText="1" shrinkToFit="1"/>
    </xf>
    <xf numFmtId="0" fontId="5" fillId="0" borderId="5" xfId="1" applyFont="1" applyBorder="1" applyAlignment="1">
      <alignment horizontal="left" vertical="center" wrapText="1" shrinkToFit="1"/>
    </xf>
    <xf numFmtId="0" fontId="6" fillId="0" borderId="5" xfId="1" applyFont="1" applyBorder="1" applyAlignment="1">
      <alignment horizontal="left" vertical="center" wrapText="1" shrinkToFit="1"/>
    </xf>
    <xf numFmtId="0" fontId="7" fillId="0" borderId="5" xfId="1" applyFont="1" applyBorder="1" applyAlignment="1">
      <alignment horizontal="left" vertical="center" wrapText="1" shrinkToFit="1"/>
    </xf>
    <xf numFmtId="0" fontId="7" fillId="2" borderId="6" xfId="1" applyFont="1" applyFill="1" applyBorder="1" applyAlignment="1">
      <alignment horizontal="left" vertical="center" wrapText="1" shrinkToFit="1"/>
    </xf>
    <xf numFmtId="0" fontId="5" fillId="0" borderId="9" xfId="1" applyFont="1" applyBorder="1" applyAlignment="1">
      <alignment horizontal="center" vertical="center" wrapText="1" shrinkToFit="1"/>
    </xf>
    <xf numFmtId="0" fontId="5" fillId="0" borderId="10" xfId="1" applyFont="1" applyBorder="1" applyAlignment="1">
      <alignment horizontal="center" vertical="center" wrapText="1" shrinkToFit="1"/>
    </xf>
    <xf numFmtId="0" fontId="5" fillId="0" borderId="11" xfId="1" applyFont="1" applyBorder="1" applyAlignment="1">
      <alignment horizontal="left" vertical="center" wrapText="1" shrinkToFit="1"/>
    </xf>
    <xf numFmtId="0" fontId="5" fillId="3" borderId="9" xfId="1" applyFont="1" applyFill="1" applyBorder="1" applyAlignment="1">
      <alignment horizontal="center" vertical="center" wrapText="1" shrinkToFit="1"/>
    </xf>
    <xf numFmtId="0" fontId="5" fillId="4" borderId="10" xfId="1" applyFont="1" applyFill="1" applyBorder="1" applyAlignment="1">
      <alignment horizontal="center" vertical="center" wrapText="1" shrinkToFit="1"/>
    </xf>
    <xf numFmtId="0" fontId="5" fillId="2" borderId="11" xfId="1" applyFont="1" applyFill="1" applyBorder="1" applyAlignment="1">
      <alignment horizontal="left" vertical="center" wrapText="1" shrinkToFit="1"/>
    </xf>
    <xf numFmtId="0" fontId="4" fillId="0" borderId="0" xfId="1" applyFont="1" applyAlignment="1">
      <alignment horizontal="center" vertical="center" shrinkToFit="1"/>
    </xf>
    <xf numFmtId="0" fontId="5" fillId="0" borderId="1" xfId="1" applyFont="1" applyBorder="1" applyAlignment="1">
      <alignment horizontal="center" vertical="center" wrapText="1" shrinkToFit="1"/>
    </xf>
    <xf numFmtId="0" fontId="5" fillId="0" borderId="2" xfId="1" applyFont="1" applyBorder="1" applyAlignment="1">
      <alignment horizontal="center" vertical="center" wrapText="1" shrinkToFit="1"/>
    </xf>
  </cellXfs>
  <cellStyles count="2">
    <cellStyle name="Normal" xfId="1" xr:uid="{00000000-0005-0000-0000-000000000000}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137D1D-ED19-4751-8D2C-59A59B78C969}">
  <dimension ref="A1:AJ35"/>
  <sheetViews>
    <sheetView tabSelected="1" showOutlineSymbols="0" showWhiteSpace="0" view="pageBreakPreview" topLeftCell="M1" zoomScaleNormal="115" zoomScaleSheetLayoutView="100" workbookViewId="0">
      <selection activeCell="Y3" sqref="Y3:AA3"/>
    </sheetView>
  </sheetViews>
  <sheetFormatPr defaultColWidth="9" defaultRowHeight="14.5" x14ac:dyDescent="0.35"/>
  <cols>
    <col min="1" max="2" width="3" style="2" bestFit="1" customWidth="1"/>
    <col min="3" max="3" width="13.6328125" style="2" customWidth="1"/>
    <col min="4" max="5" width="3" style="2" bestFit="1" customWidth="1"/>
    <col min="6" max="6" width="13.6328125" style="2" customWidth="1"/>
    <col min="7" max="8" width="3" style="2" bestFit="1" customWidth="1"/>
    <col min="9" max="9" width="13.6328125" style="2" customWidth="1"/>
    <col min="10" max="11" width="3" style="2" bestFit="1" customWidth="1"/>
    <col min="12" max="12" width="13.6328125" style="2" customWidth="1"/>
    <col min="13" max="14" width="3" style="2" bestFit="1" customWidth="1"/>
    <col min="15" max="15" width="13.6328125" style="2" customWidth="1"/>
    <col min="16" max="17" width="3" style="2" bestFit="1" customWidth="1"/>
    <col min="18" max="18" width="13.6328125" style="2" customWidth="1"/>
    <col min="19" max="20" width="3" style="2" bestFit="1" customWidth="1"/>
    <col min="21" max="21" width="13.6328125" style="2" customWidth="1"/>
    <col min="22" max="23" width="3" style="2" bestFit="1" customWidth="1"/>
    <col min="24" max="24" width="13.6328125" style="2" customWidth="1"/>
    <col min="25" max="26" width="3" style="2" bestFit="1" customWidth="1"/>
    <col min="27" max="27" width="13.6328125" style="2" customWidth="1"/>
    <col min="28" max="29" width="3" style="2" bestFit="1" customWidth="1"/>
    <col min="30" max="30" width="13.6328125" style="2" customWidth="1"/>
    <col min="31" max="32" width="3" style="2" bestFit="1" customWidth="1"/>
    <col min="33" max="33" width="13.6328125" style="2" customWidth="1"/>
    <col min="34" max="35" width="3" style="2" bestFit="1" customWidth="1"/>
    <col min="36" max="36" width="13.6328125" style="2" customWidth="1"/>
    <col min="37" max="16384" width="9" style="2"/>
  </cols>
  <sheetData>
    <row r="1" spans="1:36" s="1" customFormat="1" ht="18.5" x14ac:dyDescent="0.45">
      <c r="A1" s="1" t="s">
        <v>0</v>
      </c>
      <c r="F1" s="1" t="s">
        <v>1</v>
      </c>
      <c r="J1" s="1" t="s">
        <v>2</v>
      </c>
    </row>
    <row r="2" spans="1:36" ht="19" thickBot="1" x14ac:dyDescent="0.5">
      <c r="AH2" s="1" t="s">
        <v>83</v>
      </c>
    </row>
    <row r="3" spans="1:36" s="3" customFormat="1" ht="20.149999999999999" customHeight="1" x14ac:dyDescent="0.35">
      <c r="A3" s="20" t="s">
        <v>3</v>
      </c>
      <c r="B3" s="20" t="s">
        <v>4</v>
      </c>
      <c r="C3" s="20" t="s">
        <v>4</v>
      </c>
      <c r="D3" s="20" t="s">
        <v>5</v>
      </c>
      <c r="E3" s="20" t="s">
        <v>4</v>
      </c>
      <c r="F3" s="20" t="s">
        <v>4</v>
      </c>
      <c r="G3" s="20" t="s">
        <v>6</v>
      </c>
      <c r="H3" s="20" t="s">
        <v>4</v>
      </c>
      <c r="I3" s="20" t="s">
        <v>4</v>
      </c>
      <c r="J3" s="20" t="s">
        <v>7</v>
      </c>
      <c r="K3" s="20" t="s">
        <v>4</v>
      </c>
      <c r="L3" s="20" t="s">
        <v>4</v>
      </c>
      <c r="M3" s="20" t="s">
        <v>8</v>
      </c>
      <c r="N3" s="20" t="s">
        <v>4</v>
      </c>
      <c r="O3" s="20" t="s">
        <v>4</v>
      </c>
      <c r="P3" s="20" t="s">
        <v>9</v>
      </c>
      <c r="Q3" s="20" t="s">
        <v>4</v>
      </c>
      <c r="R3" s="20" t="s">
        <v>4</v>
      </c>
      <c r="S3" s="20" t="s">
        <v>10</v>
      </c>
      <c r="T3" s="20" t="s">
        <v>4</v>
      </c>
      <c r="U3" s="20" t="s">
        <v>4</v>
      </c>
      <c r="V3" s="20" t="s">
        <v>11</v>
      </c>
      <c r="W3" s="20" t="s">
        <v>4</v>
      </c>
      <c r="X3" s="20" t="s">
        <v>4</v>
      </c>
      <c r="Y3" s="20" t="s">
        <v>12</v>
      </c>
      <c r="Z3" s="20" t="s">
        <v>4</v>
      </c>
      <c r="AA3" s="20" t="s">
        <v>4</v>
      </c>
      <c r="AB3" s="20" t="s">
        <v>13</v>
      </c>
      <c r="AC3" s="20" t="s">
        <v>4</v>
      </c>
      <c r="AD3" s="20" t="s">
        <v>4</v>
      </c>
      <c r="AE3" s="20" t="s">
        <v>14</v>
      </c>
      <c r="AF3" s="20" t="s">
        <v>4</v>
      </c>
      <c r="AG3" s="20" t="s">
        <v>4</v>
      </c>
      <c r="AH3" s="20" t="s">
        <v>15</v>
      </c>
      <c r="AI3" s="20" t="s">
        <v>4</v>
      </c>
      <c r="AJ3" s="21" t="s">
        <v>4</v>
      </c>
    </row>
    <row r="4" spans="1:36" s="3" customFormat="1" ht="30" customHeight="1" x14ac:dyDescent="0.35">
      <c r="A4" s="4">
        <v>1</v>
      </c>
      <c r="B4" s="5" t="s">
        <v>16</v>
      </c>
      <c r="C4" s="6" t="s">
        <v>17</v>
      </c>
      <c r="D4" s="7">
        <v>1</v>
      </c>
      <c r="E4" s="8" t="s">
        <v>18</v>
      </c>
      <c r="F4" s="9" t="s">
        <v>4</v>
      </c>
      <c r="G4" s="4">
        <v>1</v>
      </c>
      <c r="H4" s="5" t="s">
        <v>19</v>
      </c>
      <c r="I4" s="6" t="s">
        <v>20</v>
      </c>
      <c r="J4" s="7">
        <v>1</v>
      </c>
      <c r="K4" s="8" t="s">
        <v>16</v>
      </c>
      <c r="L4" s="9" t="s">
        <v>21</v>
      </c>
      <c r="M4" s="4">
        <v>1</v>
      </c>
      <c r="N4" s="5" t="s">
        <v>22</v>
      </c>
      <c r="O4" s="6" t="s">
        <v>23</v>
      </c>
      <c r="P4" s="4">
        <v>1</v>
      </c>
      <c r="Q4" s="5" t="s">
        <v>24</v>
      </c>
      <c r="R4" s="6" t="s">
        <v>20</v>
      </c>
      <c r="S4" s="7">
        <v>1</v>
      </c>
      <c r="T4" s="8" t="s">
        <v>25</v>
      </c>
      <c r="U4" s="9" t="s">
        <v>4</v>
      </c>
      <c r="V4" s="7">
        <v>1</v>
      </c>
      <c r="W4" s="8" t="s">
        <v>26</v>
      </c>
      <c r="X4" s="9" t="s">
        <v>4</v>
      </c>
      <c r="Y4" s="4">
        <v>1</v>
      </c>
      <c r="Z4" s="5" t="s">
        <v>24</v>
      </c>
      <c r="AA4" s="6" t="s">
        <v>20</v>
      </c>
      <c r="AB4" s="4">
        <v>1</v>
      </c>
      <c r="AC4" s="5" t="s">
        <v>18</v>
      </c>
      <c r="AD4" s="6" t="s">
        <v>27</v>
      </c>
      <c r="AE4" s="4">
        <v>1</v>
      </c>
      <c r="AF4" s="5" t="s">
        <v>19</v>
      </c>
      <c r="AG4" s="6" t="s">
        <v>20</v>
      </c>
      <c r="AH4" s="4">
        <v>1</v>
      </c>
      <c r="AI4" s="5" t="s">
        <v>19</v>
      </c>
      <c r="AJ4" s="6" t="s">
        <v>20</v>
      </c>
    </row>
    <row r="5" spans="1:36" s="3" customFormat="1" ht="30" customHeight="1" x14ac:dyDescent="0.35">
      <c r="A5" s="4">
        <v>2</v>
      </c>
      <c r="B5" s="5" t="s">
        <v>25</v>
      </c>
      <c r="C5" s="6" t="s">
        <v>17</v>
      </c>
      <c r="D5" s="7">
        <v>2</v>
      </c>
      <c r="E5" s="8" t="s">
        <v>22</v>
      </c>
      <c r="F5" s="9" t="s">
        <v>4</v>
      </c>
      <c r="G5" s="4">
        <v>2</v>
      </c>
      <c r="H5" s="5" t="s">
        <v>24</v>
      </c>
      <c r="I5" s="6" t="s">
        <v>20</v>
      </c>
      <c r="J5" s="7">
        <v>2</v>
      </c>
      <c r="K5" s="8" t="s">
        <v>25</v>
      </c>
      <c r="L5" s="9" t="s">
        <v>4</v>
      </c>
      <c r="M5" s="4">
        <v>2</v>
      </c>
      <c r="N5" s="5" t="s">
        <v>26</v>
      </c>
      <c r="O5" s="6" t="s">
        <v>23</v>
      </c>
      <c r="P5" s="7">
        <v>2</v>
      </c>
      <c r="Q5" s="8" t="s">
        <v>16</v>
      </c>
      <c r="R5" s="9" t="s">
        <v>28</v>
      </c>
      <c r="S5" s="7">
        <v>2</v>
      </c>
      <c r="T5" s="8" t="s">
        <v>18</v>
      </c>
      <c r="U5" s="9" t="s">
        <v>4</v>
      </c>
      <c r="V5" s="4">
        <v>2</v>
      </c>
      <c r="W5" s="5" t="s">
        <v>19</v>
      </c>
      <c r="X5" s="6" t="s">
        <v>20</v>
      </c>
      <c r="Y5" s="7">
        <v>2</v>
      </c>
      <c r="Z5" s="8" t="s">
        <v>16</v>
      </c>
      <c r="AA5" s="9" t="s">
        <v>21</v>
      </c>
      <c r="AB5" s="4">
        <v>2</v>
      </c>
      <c r="AC5" s="5" t="s">
        <v>22</v>
      </c>
      <c r="AD5" s="6" t="s">
        <v>29</v>
      </c>
      <c r="AE5" s="4">
        <v>2</v>
      </c>
      <c r="AF5" s="5" t="s">
        <v>24</v>
      </c>
      <c r="AG5" s="6" t="s">
        <v>20</v>
      </c>
      <c r="AH5" s="4">
        <v>2</v>
      </c>
      <c r="AI5" s="5" t="s">
        <v>24</v>
      </c>
      <c r="AJ5" s="6" t="s">
        <v>20</v>
      </c>
    </row>
    <row r="6" spans="1:36" s="3" customFormat="1" ht="30" customHeight="1" x14ac:dyDescent="0.35">
      <c r="A6" s="4">
        <v>3</v>
      </c>
      <c r="B6" s="5" t="s">
        <v>18</v>
      </c>
      <c r="C6" s="6" t="s">
        <v>17</v>
      </c>
      <c r="D6" s="4">
        <v>3</v>
      </c>
      <c r="E6" s="5" t="s">
        <v>26</v>
      </c>
      <c r="F6" s="6" t="s">
        <v>30</v>
      </c>
      <c r="G6" s="7">
        <v>3</v>
      </c>
      <c r="H6" s="8" t="s">
        <v>16</v>
      </c>
      <c r="I6" s="9" t="s">
        <v>4</v>
      </c>
      <c r="J6" s="7">
        <v>3</v>
      </c>
      <c r="K6" s="8" t="s">
        <v>18</v>
      </c>
      <c r="L6" s="10" t="s">
        <v>31</v>
      </c>
      <c r="M6" s="4">
        <v>3</v>
      </c>
      <c r="N6" s="5" t="s">
        <v>19</v>
      </c>
      <c r="O6" s="6" t="s">
        <v>23</v>
      </c>
      <c r="P6" s="7">
        <v>3</v>
      </c>
      <c r="Q6" s="8" t="s">
        <v>25</v>
      </c>
      <c r="R6" s="9" t="s">
        <v>32</v>
      </c>
      <c r="S6" s="7">
        <v>3</v>
      </c>
      <c r="T6" s="8" t="s">
        <v>22</v>
      </c>
      <c r="U6" s="9" t="s">
        <v>4</v>
      </c>
      <c r="V6" s="4">
        <v>3</v>
      </c>
      <c r="W6" s="5" t="s">
        <v>24</v>
      </c>
      <c r="X6" s="6" t="s">
        <v>33</v>
      </c>
      <c r="Y6" s="7">
        <v>3</v>
      </c>
      <c r="Z6" s="8" t="s">
        <v>25</v>
      </c>
      <c r="AA6" s="9" t="s">
        <v>34</v>
      </c>
      <c r="AB6" s="4">
        <v>3</v>
      </c>
      <c r="AC6" s="5" t="s">
        <v>26</v>
      </c>
      <c r="AD6" s="6" t="s">
        <v>29</v>
      </c>
      <c r="AE6" s="7">
        <v>3</v>
      </c>
      <c r="AF6" s="8" t="s">
        <v>16</v>
      </c>
      <c r="AG6" s="9" t="s">
        <v>35</v>
      </c>
      <c r="AH6" s="7">
        <v>3</v>
      </c>
      <c r="AI6" s="8" t="s">
        <v>16</v>
      </c>
      <c r="AJ6" s="9" t="s">
        <v>21</v>
      </c>
    </row>
    <row r="7" spans="1:36" s="3" customFormat="1" ht="30" customHeight="1" x14ac:dyDescent="0.35">
      <c r="A7" s="4">
        <v>4</v>
      </c>
      <c r="B7" s="5" t="s">
        <v>22</v>
      </c>
      <c r="C7" s="6" t="s">
        <v>17</v>
      </c>
      <c r="D7" s="4">
        <v>4</v>
      </c>
      <c r="E7" s="5" t="s">
        <v>19</v>
      </c>
      <c r="F7" s="6" t="s">
        <v>36</v>
      </c>
      <c r="G7" s="7">
        <v>4</v>
      </c>
      <c r="H7" s="8" t="s">
        <v>25</v>
      </c>
      <c r="I7" s="9" t="s">
        <v>92</v>
      </c>
      <c r="J7" s="7">
        <v>4</v>
      </c>
      <c r="K7" s="8" t="s">
        <v>22</v>
      </c>
      <c r="L7" s="9" t="s">
        <v>4</v>
      </c>
      <c r="M7" s="4">
        <v>4</v>
      </c>
      <c r="N7" s="5" t="s">
        <v>24</v>
      </c>
      <c r="O7" s="6" t="s">
        <v>23</v>
      </c>
      <c r="P7" s="7">
        <v>4</v>
      </c>
      <c r="Q7" s="8" t="s">
        <v>18</v>
      </c>
      <c r="R7" s="9" t="s">
        <v>4</v>
      </c>
      <c r="S7" s="7">
        <v>4</v>
      </c>
      <c r="T7" s="8" t="s">
        <v>26</v>
      </c>
      <c r="U7" s="9" t="s">
        <v>4</v>
      </c>
      <c r="V7" s="4">
        <v>4</v>
      </c>
      <c r="W7" s="5" t="s">
        <v>16</v>
      </c>
      <c r="X7" s="6" t="s">
        <v>37</v>
      </c>
      <c r="Y7" s="7">
        <v>4</v>
      </c>
      <c r="Z7" s="8" t="s">
        <v>18</v>
      </c>
      <c r="AA7" s="9" t="s">
        <v>34</v>
      </c>
      <c r="AB7" s="4">
        <v>4</v>
      </c>
      <c r="AC7" s="5" t="s">
        <v>19</v>
      </c>
      <c r="AD7" s="6" t="s">
        <v>29</v>
      </c>
      <c r="AE7" s="7">
        <v>4</v>
      </c>
      <c r="AF7" s="8" t="s">
        <v>25</v>
      </c>
      <c r="AG7" s="9" t="s">
        <v>4</v>
      </c>
      <c r="AH7" s="7">
        <v>4</v>
      </c>
      <c r="AI7" s="8" t="s">
        <v>25</v>
      </c>
      <c r="AJ7" s="9" t="s">
        <v>4</v>
      </c>
    </row>
    <row r="8" spans="1:36" s="3" customFormat="1" ht="30" customHeight="1" x14ac:dyDescent="0.35">
      <c r="A8" s="4">
        <v>5</v>
      </c>
      <c r="B8" s="5" t="s">
        <v>26</v>
      </c>
      <c r="C8" s="6" t="s">
        <v>17</v>
      </c>
      <c r="D8" s="4">
        <v>5</v>
      </c>
      <c r="E8" s="5" t="s">
        <v>24</v>
      </c>
      <c r="F8" s="6" t="s">
        <v>38</v>
      </c>
      <c r="G8" s="7">
        <v>5</v>
      </c>
      <c r="H8" s="8" t="s">
        <v>18</v>
      </c>
      <c r="I8" s="9" t="s">
        <v>4</v>
      </c>
      <c r="J8" s="7">
        <v>5</v>
      </c>
      <c r="K8" s="8" t="s">
        <v>26</v>
      </c>
      <c r="L8" s="9" t="s">
        <v>4</v>
      </c>
      <c r="M8" s="4">
        <v>5</v>
      </c>
      <c r="N8" s="5" t="s">
        <v>16</v>
      </c>
      <c r="O8" s="6" t="s">
        <v>23</v>
      </c>
      <c r="P8" s="7">
        <v>5</v>
      </c>
      <c r="Q8" s="8" t="s">
        <v>22</v>
      </c>
      <c r="R8" s="9" t="s">
        <v>4</v>
      </c>
      <c r="S8" s="4">
        <v>5</v>
      </c>
      <c r="T8" s="5" t="s">
        <v>19</v>
      </c>
      <c r="U8" s="6" t="s">
        <v>20</v>
      </c>
      <c r="V8" s="7">
        <v>5</v>
      </c>
      <c r="W8" s="8" t="s">
        <v>25</v>
      </c>
      <c r="X8" s="9" t="s">
        <v>4</v>
      </c>
      <c r="Y8" s="7">
        <v>5</v>
      </c>
      <c r="Z8" s="8" t="s">
        <v>22</v>
      </c>
      <c r="AA8" s="9" t="s">
        <v>4</v>
      </c>
      <c r="AB8" s="4">
        <v>5</v>
      </c>
      <c r="AC8" s="5" t="s">
        <v>24</v>
      </c>
      <c r="AD8" s="6" t="s">
        <v>29</v>
      </c>
      <c r="AE8" s="7">
        <v>5</v>
      </c>
      <c r="AF8" s="8" t="s">
        <v>18</v>
      </c>
      <c r="AG8" s="9" t="s">
        <v>4</v>
      </c>
      <c r="AH8" s="7">
        <v>5</v>
      </c>
      <c r="AI8" s="8" t="s">
        <v>18</v>
      </c>
      <c r="AJ8" s="9" t="s">
        <v>4</v>
      </c>
    </row>
    <row r="9" spans="1:36" s="3" customFormat="1" ht="30" customHeight="1" x14ac:dyDescent="0.35">
      <c r="A9" s="4">
        <v>6</v>
      </c>
      <c r="B9" s="5" t="s">
        <v>19</v>
      </c>
      <c r="C9" s="6" t="s">
        <v>80</v>
      </c>
      <c r="D9" s="4">
        <v>6</v>
      </c>
      <c r="E9" s="5" t="s">
        <v>16</v>
      </c>
      <c r="F9" s="6" t="s">
        <v>37</v>
      </c>
      <c r="G9" s="7">
        <v>6</v>
      </c>
      <c r="H9" s="8" t="s">
        <v>22</v>
      </c>
      <c r="I9" s="9" t="s">
        <v>4</v>
      </c>
      <c r="J9" s="4">
        <v>6</v>
      </c>
      <c r="K9" s="5" t="s">
        <v>19</v>
      </c>
      <c r="L9" s="6" t="s">
        <v>20</v>
      </c>
      <c r="M9" s="4">
        <v>6</v>
      </c>
      <c r="N9" s="5" t="s">
        <v>25</v>
      </c>
      <c r="O9" s="6" t="s">
        <v>23</v>
      </c>
      <c r="P9" s="7">
        <v>6</v>
      </c>
      <c r="Q9" s="8" t="s">
        <v>26</v>
      </c>
      <c r="R9" s="9" t="s">
        <v>4</v>
      </c>
      <c r="S9" s="4">
        <v>6</v>
      </c>
      <c r="T9" s="5" t="s">
        <v>24</v>
      </c>
      <c r="U9" s="6" t="s">
        <v>20</v>
      </c>
      <c r="V9" s="7">
        <v>6</v>
      </c>
      <c r="W9" s="8" t="s">
        <v>18</v>
      </c>
      <c r="X9" s="9" t="s">
        <v>4</v>
      </c>
      <c r="Y9" s="7">
        <v>6</v>
      </c>
      <c r="Z9" s="8" t="s">
        <v>26</v>
      </c>
      <c r="AA9" s="9" t="s">
        <v>4</v>
      </c>
      <c r="AB9" s="4">
        <v>6</v>
      </c>
      <c r="AC9" s="5" t="s">
        <v>16</v>
      </c>
      <c r="AD9" s="6" t="s">
        <v>29</v>
      </c>
      <c r="AE9" s="7">
        <v>6</v>
      </c>
      <c r="AF9" s="8" t="s">
        <v>22</v>
      </c>
      <c r="AG9" s="9" t="s">
        <v>4</v>
      </c>
      <c r="AH9" s="7">
        <v>6</v>
      </c>
      <c r="AI9" s="8" t="s">
        <v>22</v>
      </c>
      <c r="AJ9" s="9" t="s">
        <v>4</v>
      </c>
    </row>
    <row r="10" spans="1:36" s="3" customFormat="1" ht="30" customHeight="1" x14ac:dyDescent="0.35">
      <c r="A10" s="4">
        <v>7</v>
      </c>
      <c r="B10" s="5" t="s">
        <v>24</v>
      </c>
      <c r="C10" s="6" t="s">
        <v>17</v>
      </c>
      <c r="D10" s="7">
        <v>7</v>
      </c>
      <c r="E10" s="8" t="s">
        <v>25</v>
      </c>
      <c r="F10" s="9" t="s">
        <v>4</v>
      </c>
      <c r="G10" s="7">
        <v>7</v>
      </c>
      <c r="H10" s="8" t="s">
        <v>26</v>
      </c>
      <c r="I10" s="9" t="s">
        <v>39</v>
      </c>
      <c r="J10" s="4">
        <v>7</v>
      </c>
      <c r="K10" s="5" t="s">
        <v>24</v>
      </c>
      <c r="L10" s="6" t="s">
        <v>20</v>
      </c>
      <c r="M10" s="4">
        <v>7</v>
      </c>
      <c r="N10" s="5" t="s">
        <v>18</v>
      </c>
      <c r="O10" s="6" t="s">
        <v>23</v>
      </c>
      <c r="P10" s="4">
        <v>7</v>
      </c>
      <c r="Q10" s="5" t="s">
        <v>19</v>
      </c>
      <c r="R10" s="6" t="s">
        <v>20</v>
      </c>
      <c r="S10" s="7">
        <v>7</v>
      </c>
      <c r="T10" s="8" t="s">
        <v>16</v>
      </c>
      <c r="U10" s="9" t="s">
        <v>21</v>
      </c>
      <c r="V10" s="7">
        <v>7</v>
      </c>
      <c r="W10" s="8" t="s">
        <v>22</v>
      </c>
      <c r="X10" s="9" t="s">
        <v>4</v>
      </c>
      <c r="Y10" s="4">
        <v>7</v>
      </c>
      <c r="Z10" s="5" t="s">
        <v>19</v>
      </c>
      <c r="AA10" s="6" t="s">
        <v>20</v>
      </c>
      <c r="AB10" s="4">
        <v>7</v>
      </c>
      <c r="AC10" s="5" t="s">
        <v>25</v>
      </c>
      <c r="AD10" s="6" t="s">
        <v>29</v>
      </c>
      <c r="AE10" s="7">
        <v>7</v>
      </c>
      <c r="AF10" s="8" t="s">
        <v>26</v>
      </c>
      <c r="AG10" s="9"/>
      <c r="AH10" s="7">
        <v>7</v>
      </c>
      <c r="AI10" s="8" t="s">
        <v>26</v>
      </c>
      <c r="AJ10" s="9" t="s">
        <v>4</v>
      </c>
    </row>
    <row r="11" spans="1:36" s="3" customFormat="1" ht="30" customHeight="1" x14ac:dyDescent="0.35">
      <c r="A11" s="7">
        <v>8</v>
      </c>
      <c r="B11" s="8" t="s">
        <v>16</v>
      </c>
      <c r="C11" s="9" t="s">
        <v>74</v>
      </c>
      <c r="D11" s="7">
        <v>8</v>
      </c>
      <c r="E11" s="8" t="s">
        <v>18</v>
      </c>
      <c r="F11" s="9" t="s">
        <v>4</v>
      </c>
      <c r="G11" s="4">
        <v>8</v>
      </c>
      <c r="H11" s="5" t="s">
        <v>19</v>
      </c>
      <c r="I11" s="6" t="s">
        <v>20</v>
      </c>
      <c r="J11" s="7">
        <v>8</v>
      </c>
      <c r="K11" s="8" t="s">
        <v>16</v>
      </c>
      <c r="L11" s="9" t="s">
        <v>35</v>
      </c>
      <c r="M11" s="4">
        <v>8</v>
      </c>
      <c r="N11" s="5" t="s">
        <v>22</v>
      </c>
      <c r="O11" s="6" t="s">
        <v>23</v>
      </c>
      <c r="P11" s="4">
        <v>8</v>
      </c>
      <c r="Q11" s="5" t="s">
        <v>24</v>
      </c>
      <c r="R11" s="6" t="s">
        <v>20</v>
      </c>
      <c r="S11" s="7">
        <v>8</v>
      </c>
      <c r="T11" s="8" t="s">
        <v>25</v>
      </c>
      <c r="U11" s="9" t="s">
        <v>4</v>
      </c>
      <c r="V11" s="7">
        <v>8</v>
      </c>
      <c r="W11" s="8" t="s">
        <v>26</v>
      </c>
      <c r="X11" s="9" t="s">
        <v>4</v>
      </c>
      <c r="Y11" s="4">
        <v>8</v>
      </c>
      <c r="Z11" s="5" t="s">
        <v>24</v>
      </c>
      <c r="AA11" s="6" t="s">
        <v>20</v>
      </c>
      <c r="AB11" s="7">
        <v>8</v>
      </c>
      <c r="AC11" s="8" t="s">
        <v>18</v>
      </c>
      <c r="AD11" s="9" t="s">
        <v>40</v>
      </c>
      <c r="AE11" s="4">
        <v>8</v>
      </c>
      <c r="AF11" s="5" t="s">
        <v>19</v>
      </c>
      <c r="AG11" s="6" t="s">
        <v>20</v>
      </c>
      <c r="AH11" s="4">
        <v>8</v>
      </c>
      <c r="AI11" s="5" t="s">
        <v>19</v>
      </c>
      <c r="AJ11" s="6" t="s">
        <v>96</v>
      </c>
    </row>
    <row r="12" spans="1:36" s="3" customFormat="1" ht="30" customHeight="1" x14ac:dyDescent="0.35">
      <c r="A12" s="7">
        <v>9</v>
      </c>
      <c r="B12" s="8" t="s">
        <v>25</v>
      </c>
      <c r="C12" s="9" t="s">
        <v>75</v>
      </c>
      <c r="D12" s="7">
        <v>9</v>
      </c>
      <c r="E12" s="8" t="s">
        <v>22</v>
      </c>
      <c r="F12" s="9"/>
      <c r="G12" s="4">
        <v>9</v>
      </c>
      <c r="H12" s="5" t="s">
        <v>24</v>
      </c>
      <c r="I12" s="6" t="s">
        <v>20</v>
      </c>
      <c r="J12" s="7">
        <v>9</v>
      </c>
      <c r="K12" s="8" t="s">
        <v>25</v>
      </c>
      <c r="L12" s="9" t="s">
        <v>4</v>
      </c>
      <c r="M12" s="4">
        <v>9</v>
      </c>
      <c r="N12" s="5" t="s">
        <v>26</v>
      </c>
      <c r="O12" s="6" t="s">
        <v>23</v>
      </c>
      <c r="P12" s="7">
        <v>9</v>
      </c>
      <c r="Q12" s="8" t="s">
        <v>16</v>
      </c>
      <c r="R12" s="9" t="s">
        <v>21</v>
      </c>
      <c r="S12" s="7">
        <v>9</v>
      </c>
      <c r="T12" s="8" t="s">
        <v>18</v>
      </c>
      <c r="U12" s="9" t="s">
        <v>4</v>
      </c>
      <c r="V12" s="4">
        <v>9</v>
      </c>
      <c r="W12" s="5" t="s">
        <v>19</v>
      </c>
      <c r="X12" s="6" t="s">
        <v>20</v>
      </c>
      <c r="Y12" s="7">
        <v>9</v>
      </c>
      <c r="Z12" s="8" t="s">
        <v>16</v>
      </c>
      <c r="AA12" s="9" t="s">
        <v>35</v>
      </c>
      <c r="AB12" s="7">
        <v>9</v>
      </c>
      <c r="AC12" s="8" t="s">
        <v>22</v>
      </c>
      <c r="AD12" s="9" t="s">
        <v>32</v>
      </c>
      <c r="AE12" s="4">
        <v>9</v>
      </c>
      <c r="AF12" s="5" t="s">
        <v>24</v>
      </c>
      <c r="AG12" s="6" t="s">
        <v>20</v>
      </c>
      <c r="AH12" s="4">
        <v>9</v>
      </c>
      <c r="AI12" s="5" t="s">
        <v>24</v>
      </c>
      <c r="AJ12" s="6" t="s">
        <v>20</v>
      </c>
    </row>
    <row r="13" spans="1:36" s="3" customFormat="1" ht="30" customHeight="1" x14ac:dyDescent="0.35">
      <c r="A13" s="7">
        <v>10</v>
      </c>
      <c r="B13" s="8" t="s">
        <v>18</v>
      </c>
      <c r="C13" s="9" t="s">
        <v>84</v>
      </c>
      <c r="D13" s="7">
        <v>10</v>
      </c>
      <c r="E13" s="8" t="s">
        <v>26</v>
      </c>
      <c r="F13" s="9" t="s">
        <v>4</v>
      </c>
      <c r="G13" s="7">
        <v>10</v>
      </c>
      <c r="H13" s="8" t="s">
        <v>16</v>
      </c>
      <c r="I13" s="9" t="s">
        <v>35</v>
      </c>
      <c r="J13" s="7">
        <v>10</v>
      </c>
      <c r="K13" s="8" t="s">
        <v>18</v>
      </c>
      <c r="L13" s="9" t="s">
        <v>4</v>
      </c>
      <c r="M13" s="4">
        <v>10</v>
      </c>
      <c r="N13" s="5" t="s">
        <v>19</v>
      </c>
      <c r="O13" s="6" t="s">
        <v>23</v>
      </c>
      <c r="P13" s="7">
        <v>10</v>
      </c>
      <c r="Q13" s="8" t="s">
        <v>25</v>
      </c>
      <c r="R13" s="9" t="s">
        <v>4</v>
      </c>
      <c r="S13" s="7">
        <v>10</v>
      </c>
      <c r="T13" s="8" t="s">
        <v>22</v>
      </c>
      <c r="U13" s="9" t="s">
        <v>41</v>
      </c>
      <c r="V13" s="7">
        <v>10</v>
      </c>
      <c r="W13" s="8" t="s">
        <v>24</v>
      </c>
      <c r="X13" s="9" t="s">
        <v>97</v>
      </c>
      <c r="Y13" s="7">
        <v>10</v>
      </c>
      <c r="Z13" s="8" t="s">
        <v>25</v>
      </c>
      <c r="AA13" s="9" t="s">
        <v>42</v>
      </c>
      <c r="AB13" s="7">
        <v>10</v>
      </c>
      <c r="AC13" s="8" t="s">
        <v>26</v>
      </c>
      <c r="AD13" s="9" t="s">
        <v>4</v>
      </c>
      <c r="AE13" s="7">
        <v>10</v>
      </c>
      <c r="AF13" s="8" t="s">
        <v>16</v>
      </c>
      <c r="AG13" s="9" t="s">
        <v>21</v>
      </c>
      <c r="AH13" s="7">
        <v>10</v>
      </c>
      <c r="AI13" s="8" t="s">
        <v>16</v>
      </c>
      <c r="AJ13" s="9" t="s">
        <v>4</v>
      </c>
    </row>
    <row r="14" spans="1:36" s="3" customFormat="1" ht="30" customHeight="1" x14ac:dyDescent="0.35">
      <c r="A14" s="7">
        <v>11</v>
      </c>
      <c r="B14" s="8" t="s">
        <v>22</v>
      </c>
      <c r="C14" s="9" t="s">
        <v>85</v>
      </c>
      <c r="D14" s="4">
        <v>11</v>
      </c>
      <c r="E14" s="5" t="s">
        <v>19</v>
      </c>
      <c r="F14" s="6" t="s">
        <v>20</v>
      </c>
      <c r="G14" s="7">
        <v>11</v>
      </c>
      <c r="H14" s="8" t="s">
        <v>25</v>
      </c>
      <c r="I14" s="10" t="s">
        <v>94</v>
      </c>
      <c r="J14" s="7">
        <v>11</v>
      </c>
      <c r="K14" s="8" t="s">
        <v>22</v>
      </c>
      <c r="L14" s="9" t="s">
        <v>4</v>
      </c>
      <c r="M14" s="4">
        <v>11</v>
      </c>
      <c r="N14" s="5" t="s">
        <v>24</v>
      </c>
      <c r="O14" s="6" t="s">
        <v>43</v>
      </c>
      <c r="P14" s="7">
        <v>11</v>
      </c>
      <c r="Q14" s="8" t="s">
        <v>18</v>
      </c>
      <c r="R14" s="9" t="s">
        <v>4</v>
      </c>
      <c r="S14" s="7">
        <v>11</v>
      </c>
      <c r="T14" s="8" t="s">
        <v>26</v>
      </c>
      <c r="U14" s="9" t="s">
        <v>44</v>
      </c>
      <c r="V14" s="4">
        <v>11</v>
      </c>
      <c r="W14" s="5" t="s">
        <v>16</v>
      </c>
      <c r="X14" s="6" t="s">
        <v>45</v>
      </c>
      <c r="Y14" s="7">
        <v>11</v>
      </c>
      <c r="Z14" s="8" t="s">
        <v>18</v>
      </c>
      <c r="AA14" s="9" t="s">
        <v>42</v>
      </c>
      <c r="AB14" s="4">
        <v>11</v>
      </c>
      <c r="AC14" s="5" t="s">
        <v>19</v>
      </c>
      <c r="AD14" s="6" t="s">
        <v>20</v>
      </c>
      <c r="AE14" s="4">
        <v>11</v>
      </c>
      <c r="AF14" s="5" t="s">
        <v>25</v>
      </c>
      <c r="AG14" s="6" t="s">
        <v>46</v>
      </c>
      <c r="AH14" s="7">
        <v>11</v>
      </c>
      <c r="AI14" s="8" t="s">
        <v>25</v>
      </c>
      <c r="AJ14" s="9" t="s">
        <v>4</v>
      </c>
    </row>
    <row r="15" spans="1:36" s="3" customFormat="1" ht="30" customHeight="1" x14ac:dyDescent="0.35">
      <c r="A15" s="7">
        <v>12</v>
      </c>
      <c r="B15" s="8" t="s">
        <v>26</v>
      </c>
      <c r="C15" s="9" t="s">
        <v>4</v>
      </c>
      <c r="D15" s="4">
        <v>12</v>
      </c>
      <c r="E15" s="5" t="s">
        <v>24</v>
      </c>
      <c r="F15" s="6" t="s">
        <v>20</v>
      </c>
      <c r="G15" s="7">
        <v>12</v>
      </c>
      <c r="H15" s="8" t="s">
        <v>18</v>
      </c>
      <c r="I15" s="9" t="s">
        <v>47</v>
      </c>
      <c r="J15" s="7">
        <v>12</v>
      </c>
      <c r="K15" s="8" t="s">
        <v>26</v>
      </c>
      <c r="L15" s="11" t="s">
        <v>48</v>
      </c>
      <c r="M15" s="4">
        <v>12</v>
      </c>
      <c r="N15" s="5" t="s">
        <v>16</v>
      </c>
      <c r="O15" s="6" t="s">
        <v>49</v>
      </c>
      <c r="P15" s="7">
        <v>12</v>
      </c>
      <c r="Q15" s="8" t="s">
        <v>22</v>
      </c>
      <c r="R15" s="9" t="s">
        <v>4</v>
      </c>
      <c r="S15" s="4">
        <v>12</v>
      </c>
      <c r="T15" s="5" t="s">
        <v>19</v>
      </c>
      <c r="U15" s="6" t="s">
        <v>20</v>
      </c>
      <c r="V15" s="7">
        <v>12</v>
      </c>
      <c r="W15" s="8" t="s">
        <v>25</v>
      </c>
      <c r="X15" s="9" t="s">
        <v>4</v>
      </c>
      <c r="Y15" s="7">
        <v>12</v>
      </c>
      <c r="Z15" s="8" t="s">
        <v>22</v>
      </c>
      <c r="AA15" s="9" t="s">
        <v>42</v>
      </c>
      <c r="AB15" s="4">
        <v>12</v>
      </c>
      <c r="AC15" s="5" t="s">
        <v>24</v>
      </c>
      <c r="AD15" s="6" t="s">
        <v>20</v>
      </c>
      <c r="AE15" s="7">
        <v>12</v>
      </c>
      <c r="AF15" s="8" t="s">
        <v>18</v>
      </c>
      <c r="AG15" s="9" t="s">
        <v>4</v>
      </c>
      <c r="AH15" s="7">
        <v>12</v>
      </c>
      <c r="AI15" s="8" t="s">
        <v>18</v>
      </c>
      <c r="AJ15" s="9" t="s">
        <v>4</v>
      </c>
    </row>
    <row r="16" spans="1:36" s="3" customFormat="1" ht="30" customHeight="1" x14ac:dyDescent="0.35">
      <c r="A16" s="4">
        <v>13</v>
      </c>
      <c r="B16" s="5" t="s">
        <v>19</v>
      </c>
      <c r="C16" s="6" t="s">
        <v>20</v>
      </c>
      <c r="D16" s="7">
        <v>13</v>
      </c>
      <c r="E16" s="8" t="s">
        <v>16</v>
      </c>
      <c r="F16" s="9" t="s">
        <v>21</v>
      </c>
      <c r="G16" s="7">
        <v>13</v>
      </c>
      <c r="H16" s="8" t="s">
        <v>22</v>
      </c>
      <c r="I16" s="9" t="s">
        <v>93</v>
      </c>
      <c r="J16" s="4">
        <v>13</v>
      </c>
      <c r="K16" s="5" t="s">
        <v>19</v>
      </c>
      <c r="L16" s="6" t="s">
        <v>20</v>
      </c>
      <c r="M16" s="4">
        <v>13</v>
      </c>
      <c r="N16" s="5" t="s">
        <v>25</v>
      </c>
      <c r="O16" s="6" t="s">
        <v>23</v>
      </c>
      <c r="P16" s="7">
        <v>13</v>
      </c>
      <c r="Q16" s="8" t="s">
        <v>26</v>
      </c>
      <c r="R16" s="9" t="s">
        <v>4</v>
      </c>
      <c r="S16" s="4">
        <v>13</v>
      </c>
      <c r="T16" s="5" t="s">
        <v>24</v>
      </c>
      <c r="U16" s="6" t="s">
        <v>20</v>
      </c>
      <c r="V16" s="7">
        <v>13</v>
      </c>
      <c r="W16" s="8" t="s">
        <v>18</v>
      </c>
      <c r="X16" s="9" t="s">
        <v>4</v>
      </c>
      <c r="Y16" s="7">
        <v>13</v>
      </c>
      <c r="Z16" s="8" t="s">
        <v>26</v>
      </c>
      <c r="AA16" s="9" t="s">
        <v>4</v>
      </c>
      <c r="AB16" s="4">
        <v>13</v>
      </c>
      <c r="AC16" s="5" t="s">
        <v>16</v>
      </c>
      <c r="AD16" s="6" t="s">
        <v>50</v>
      </c>
      <c r="AE16" s="7">
        <v>13</v>
      </c>
      <c r="AF16" s="8" t="s">
        <v>22</v>
      </c>
      <c r="AG16" s="9" t="s">
        <v>82</v>
      </c>
      <c r="AH16" s="7">
        <v>13</v>
      </c>
      <c r="AI16" s="8" t="s">
        <v>22</v>
      </c>
      <c r="AJ16" s="9" t="s">
        <v>4</v>
      </c>
    </row>
    <row r="17" spans="1:36" s="3" customFormat="1" ht="30" customHeight="1" x14ac:dyDescent="0.35">
      <c r="A17" s="4">
        <v>14</v>
      </c>
      <c r="B17" s="5" t="s">
        <v>24</v>
      </c>
      <c r="C17" s="6" t="s">
        <v>20</v>
      </c>
      <c r="D17" s="7">
        <v>14</v>
      </c>
      <c r="E17" s="8" t="s">
        <v>25</v>
      </c>
      <c r="F17" s="9"/>
      <c r="G17" s="7">
        <v>14</v>
      </c>
      <c r="H17" s="8" t="s">
        <v>26</v>
      </c>
      <c r="I17" s="9" t="s">
        <v>4</v>
      </c>
      <c r="J17" s="4">
        <v>14</v>
      </c>
      <c r="K17" s="5" t="s">
        <v>24</v>
      </c>
      <c r="L17" s="6" t="s">
        <v>20</v>
      </c>
      <c r="M17" s="4">
        <v>14</v>
      </c>
      <c r="N17" s="5" t="s">
        <v>18</v>
      </c>
      <c r="O17" s="6" t="s">
        <v>23</v>
      </c>
      <c r="P17" s="4">
        <v>14</v>
      </c>
      <c r="Q17" s="5" t="s">
        <v>19</v>
      </c>
      <c r="R17" s="6" t="s">
        <v>20</v>
      </c>
      <c r="S17" s="4">
        <v>14</v>
      </c>
      <c r="T17" s="5" t="s">
        <v>16</v>
      </c>
      <c r="U17" s="6" t="s">
        <v>51</v>
      </c>
      <c r="V17" s="7">
        <v>14</v>
      </c>
      <c r="W17" s="8" t="s">
        <v>22</v>
      </c>
      <c r="X17" s="9" t="s">
        <v>4</v>
      </c>
      <c r="Y17" s="4">
        <v>14</v>
      </c>
      <c r="Z17" s="5" t="s">
        <v>19</v>
      </c>
      <c r="AA17" s="6" t="s">
        <v>20</v>
      </c>
      <c r="AB17" s="7">
        <v>14</v>
      </c>
      <c r="AC17" s="8" t="s">
        <v>25</v>
      </c>
      <c r="AD17" s="9" t="s">
        <v>4</v>
      </c>
      <c r="AE17" s="7">
        <v>14</v>
      </c>
      <c r="AF17" s="8" t="s">
        <v>26</v>
      </c>
      <c r="AG17" s="9" t="s">
        <v>52</v>
      </c>
      <c r="AH17" s="7">
        <v>14</v>
      </c>
      <c r="AI17" s="8" t="s">
        <v>26</v>
      </c>
      <c r="AJ17" s="9" t="s">
        <v>4</v>
      </c>
    </row>
    <row r="18" spans="1:36" s="3" customFormat="1" ht="30" customHeight="1" x14ac:dyDescent="0.35">
      <c r="A18" s="7">
        <v>15</v>
      </c>
      <c r="B18" s="8" t="s">
        <v>16</v>
      </c>
      <c r="C18" s="9" t="s">
        <v>76</v>
      </c>
      <c r="D18" s="7">
        <v>15</v>
      </c>
      <c r="E18" s="8" t="s">
        <v>18</v>
      </c>
      <c r="F18" s="9" t="s">
        <v>4</v>
      </c>
      <c r="G18" s="4">
        <v>15</v>
      </c>
      <c r="H18" s="5" t="s">
        <v>19</v>
      </c>
      <c r="I18" s="6" t="s">
        <v>20</v>
      </c>
      <c r="J18" s="4">
        <v>15</v>
      </c>
      <c r="K18" s="5" t="s">
        <v>16</v>
      </c>
      <c r="L18" s="12" t="s">
        <v>53</v>
      </c>
      <c r="M18" s="4">
        <v>15</v>
      </c>
      <c r="N18" s="5" t="s">
        <v>22</v>
      </c>
      <c r="O18" s="6" t="s">
        <v>54</v>
      </c>
      <c r="P18" s="4">
        <v>15</v>
      </c>
      <c r="Q18" s="5" t="s">
        <v>24</v>
      </c>
      <c r="R18" s="6" t="s">
        <v>55</v>
      </c>
      <c r="S18" s="7">
        <v>15</v>
      </c>
      <c r="T18" s="8" t="s">
        <v>25</v>
      </c>
      <c r="U18" s="9" t="s">
        <v>4</v>
      </c>
      <c r="V18" s="7">
        <v>15</v>
      </c>
      <c r="W18" s="8" t="s">
        <v>26</v>
      </c>
      <c r="X18" s="9" t="s">
        <v>4</v>
      </c>
      <c r="Y18" s="4">
        <v>15</v>
      </c>
      <c r="Z18" s="5" t="s">
        <v>24</v>
      </c>
      <c r="AA18" s="6" t="s">
        <v>20</v>
      </c>
      <c r="AB18" s="7">
        <v>15</v>
      </c>
      <c r="AC18" s="8" t="s">
        <v>18</v>
      </c>
      <c r="AD18" s="9" t="s">
        <v>4</v>
      </c>
      <c r="AE18" s="4">
        <v>15</v>
      </c>
      <c r="AF18" s="5" t="s">
        <v>19</v>
      </c>
      <c r="AG18" s="6" t="s">
        <v>20</v>
      </c>
      <c r="AH18" s="4">
        <v>15</v>
      </c>
      <c r="AI18" s="5" t="s">
        <v>19</v>
      </c>
      <c r="AJ18" s="6" t="s">
        <v>20</v>
      </c>
    </row>
    <row r="19" spans="1:36" s="3" customFormat="1" ht="30" customHeight="1" x14ac:dyDescent="0.35">
      <c r="A19" s="7">
        <v>16</v>
      </c>
      <c r="B19" s="8" t="s">
        <v>25</v>
      </c>
      <c r="C19" s="9" t="s">
        <v>4</v>
      </c>
      <c r="D19" s="7">
        <v>16</v>
      </c>
      <c r="E19" s="8" t="s">
        <v>22</v>
      </c>
      <c r="F19" s="9" t="s">
        <v>4</v>
      </c>
      <c r="G19" s="4">
        <v>16</v>
      </c>
      <c r="H19" s="5" t="s">
        <v>24</v>
      </c>
      <c r="I19" s="6" t="s">
        <v>20</v>
      </c>
      <c r="J19" s="7">
        <v>16</v>
      </c>
      <c r="K19" s="8" t="s">
        <v>25</v>
      </c>
      <c r="L19" s="9" t="s">
        <v>4</v>
      </c>
      <c r="M19" s="4">
        <v>16</v>
      </c>
      <c r="N19" s="5" t="s">
        <v>26</v>
      </c>
      <c r="O19" s="6" t="s">
        <v>23</v>
      </c>
      <c r="P19" s="4">
        <v>16</v>
      </c>
      <c r="Q19" s="5" t="s">
        <v>16</v>
      </c>
      <c r="R19" s="6" t="s">
        <v>56</v>
      </c>
      <c r="S19" s="7">
        <v>16</v>
      </c>
      <c r="T19" s="8" t="s">
        <v>18</v>
      </c>
      <c r="U19" s="9" t="s">
        <v>4</v>
      </c>
      <c r="V19" s="4">
        <v>16</v>
      </c>
      <c r="W19" s="5" t="s">
        <v>19</v>
      </c>
      <c r="X19" s="6" t="s">
        <v>20</v>
      </c>
      <c r="Y19" s="7">
        <v>16</v>
      </c>
      <c r="Z19" s="8" t="s">
        <v>16</v>
      </c>
      <c r="AA19" s="9" t="s">
        <v>4</v>
      </c>
      <c r="AB19" s="7">
        <v>16</v>
      </c>
      <c r="AC19" s="8" t="s">
        <v>22</v>
      </c>
      <c r="AD19" s="9" t="s">
        <v>4</v>
      </c>
      <c r="AE19" s="4">
        <v>16</v>
      </c>
      <c r="AF19" s="5" t="s">
        <v>24</v>
      </c>
      <c r="AG19" s="6" t="s">
        <v>20</v>
      </c>
      <c r="AH19" s="4">
        <v>16</v>
      </c>
      <c r="AI19" s="5" t="s">
        <v>24</v>
      </c>
      <c r="AJ19" s="6" t="s">
        <v>20</v>
      </c>
    </row>
    <row r="20" spans="1:36" s="3" customFormat="1" ht="30" customHeight="1" x14ac:dyDescent="0.35">
      <c r="A20" s="7">
        <v>17</v>
      </c>
      <c r="B20" s="8" t="s">
        <v>18</v>
      </c>
      <c r="C20" s="9" t="s">
        <v>4</v>
      </c>
      <c r="D20" s="7">
        <v>17</v>
      </c>
      <c r="E20" s="8" t="s">
        <v>26</v>
      </c>
      <c r="F20" s="9" t="s">
        <v>4</v>
      </c>
      <c r="G20" s="7">
        <v>17</v>
      </c>
      <c r="H20" s="8" t="s">
        <v>16</v>
      </c>
      <c r="I20" s="9" t="s">
        <v>21</v>
      </c>
      <c r="J20" s="7">
        <v>17</v>
      </c>
      <c r="K20" s="8" t="s">
        <v>18</v>
      </c>
      <c r="L20" s="9" t="s">
        <v>4</v>
      </c>
      <c r="M20" s="4">
        <v>17</v>
      </c>
      <c r="N20" s="5" t="s">
        <v>19</v>
      </c>
      <c r="O20" s="6" t="s">
        <v>23</v>
      </c>
      <c r="P20" s="7">
        <v>17</v>
      </c>
      <c r="Q20" s="8" t="s">
        <v>25</v>
      </c>
      <c r="R20" s="9" t="s">
        <v>4</v>
      </c>
      <c r="S20" s="7">
        <v>17</v>
      </c>
      <c r="T20" s="8" t="s">
        <v>22</v>
      </c>
      <c r="U20" s="11" t="s">
        <v>86</v>
      </c>
      <c r="V20" s="4">
        <v>17</v>
      </c>
      <c r="W20" s="5" t="s">
        <v>24</v>
      </c>
      <c r="X20" s="6" t="s">
        <v>20</v>
      </c>
      <c r="Y20" s="7">
        <v>17</v>
      </c>
      <c r="Z20" s="8" t="s">
        <v>25</v>
      </c>
      <c r="AA20" s="9" t="s">
        <v>4</v>
      </c>
      <c r="AB20" s="7">
        <v>17</v>
      </c>
      <c r="AC20" s="8" t="s">
        <v>26</v>
      </c>
      <c r="AD20" s="9" t="s">
        <v>4</v>
      </c>
      <c r="AE20" s="7">
        <v>17</v>
      </c>
      <c r="AF20" s="8" t="s">
        <v>16</v>
      </c>
      <c r="AG20" s="9" t="s">
        <v>35</v>
      </c>
      <c r="AH20" s="7">
        <v>17</v>
      </c>
      <c r="AI20" s="8" t="s">
        <v>16</v>
      </c>
      <c r="AJ20" s="9" t="s">
        <v>4</v>
      </c>
    </row>
    <row r="21" spans="1:36" s="3" customFormat="1" ht="30" customHeight="1" x14ac:dyDescent="0.35">
      <c r="A21" s="7">
        <v>18</v>
      </c>
      <c r="B21" s="8" t="s">
        <v>22</v>
      </c>
      <c r="C21" s="11" t="s">
        <v>87</v>
      </c>
      <c r="D21" s="7">
        <v>18</v>
      </c>
      <c r="E21" s="8" t="s">
        <v>19</v>
      </c>
      <c r="F21" s="9" t="s">
        <v>81</v>
      </c>
      <c r="G21" s="7">
        <v>18</v>
      </c>
      <c r="H21" s="8" t="s">
        <v>25</v>
      </c>
      <c r="I21" s="9" t="s">
        <v>4</v>
      </c>
      <c r="J21" s="7">
        <v>18</v>
      </c>
      <c r="K21" s="8" t="s">
        <v>22</v>
      </c>
      <c r="L21" s="9" t="s">
        <v>57</v>
      </c>
      <c r="M21" s="4">
        <v>18</v>
      </c>
      <c r="N21" s="5" t="s">
        <v>24</v>
      </c>
      <c r="O21" s="6" t="s">
        <v>23</v>
      </c>
      <c r="P21" s="7">
        <v>18</v>
      </c>
      <c r="Q21" s="8" t="s">
        <v>18</v>
      </c>
      <c r="R21" s="9" t="s">
        <v>58</v>
      </c>
      <c r="S21" s="7">
        <v>18</v>
      </c>
      <c r="T21" s="8" t="s">
        <v>26</v>
      </c>
      <c r="U21" s="9" t="s">
        <v>59</v>
      </c>
      <c r="V21" s="7">
        <v>18</v>
      </c>
      <c r="W21" s="8" t="s">
        <v>16</v>
      </c>
      <c r="X21" s="9" t="s">
        <v>21</v>
      </c>
      <c r="Y21" s="7">
        <v>18</v>
      </c>
      <c r="Z21" s="8" t="s">
        <v>18</v>
      </c>
      <c r="AA21" s="9" t="s">
        <v>4</v>
      </c>
      <c r="AB21" s="4">
        <v>18</v>
      </c>
      <c r="AC21" s="5" t="s">
        <v>19</v>
      </c>
      <c r="AD21" s="6" t="s">
        <v>20</v>
      </c>
      <c r="AE21" s="7">
        <v>18</v>
      </c>
      <c r="AF21" s="8" t="s">
        <v>25</v>
      </c>
      <c r="AG21" s="9" t="s">
        <v>4</v>
      </c>
      <c r="AH21" s="7">
        <v>18</v>
      </c>
      <c r="AI21" s="8" t="s">
        <v>25</v>
      </c>
      <c r="AJ21" s="11" t="s">
        <v>95</v>
      </c>
    </row>
    <row r="22" spans="1:36" s="3" customFormat="1" ht="30" customHeight="1" x14ac:dyDescent="0.35">
      <c r="A22" s="7">
        <v>19</v>
      </c>
      <c r="B22" s="8" t="s">
        <v>26</v>
      </c>
      <c r="C22" s="9" t="s">
        <v>88</v>
      </c>
      <c r="D22" s="4">
        <v>19</v>
      </c>
      <c r="E22" s="5" t="s">
        <v>24</v>
      </c>
      <c r="F22" s="6" t="s">
        <v>20</v>
      </c>
      <c r="G22" s="7">
        <v>19</v>
      </c>
      <c r="H22" s="8" t="s">
        <v>18</v>
      </c>
      <c r="I22" s="9" t="s">
        <v>4</v>
      </c>
      <c r="J22" s="7">
        <v>19</v>
      </c>
      <c r="K22" s="8" t="s">
        <v>26</v>
      </c>
      <c r="L22" s="9" t="s">
        <v>60</v>
      </c>
      <c r="M22" s="4">
        <v>19</v>
      </c>
      <c r="N22" s="5" t="s">
        <v>16</v>
      </c>
      <c r="O22" s="6" t="s">
        <v>23</v>
      </c>
      <c r="P22" s="7">
        <v>19</v>
      </c>
      <c r="Q22" s="8" t="s">
        <v>22</v>
      </c>
      <c r="R22" s="9" t="s">
        <v>4</v>
      </c>
      <c r="S22" s="4">
        <v>19</v>
      </c>
      <c r="T22" s="5" t="s">
        <v>19</v>
      </c>
      <c r="U22" s="6" t="s">
        <v>20</v>
      </c>
      <c r="V22" s="7">
        <v>19</v>
      </c>
      <c r="W22" s="8" t="s">
        <v>25</v>
      </c>
      <c r="X22" s="9" t="s">
        <v>4</v>
      </c>
      <c r="Y22" s="7">
        <v>19</v>
      </c>
      <c r="Z22" s="8" t="s">
        <v>22</v>
      </c>
      <c r="AA22" s="9" t="s">
        <v>4</v>
      </c>
      <c r="AB22" s="4">
        <v>19</v>
      </c>
      <c r="AC22" s="5" t="s">
        <v>24</v>
      </c>
      <c r="AD22" s="6" t="s">
        <v>20</v>
      </c>
      <c r="AE22" s="7">
        <v>19</v>
      </c>
      <c r="AF22" s="8" t="s">
        <v>18</v>
      </c>
      <c r="AG22" s="9" t="s">
        <v>4</v>
      </c>
      <c r="AH22" s="7">
        <v>19</v>
      </c>
      <c r="AI22" s="8" t="s">
        <v>18</v>
      </c>
      <c r="AJ22" s="9" t="s">
        <v>61</v>
      </c>
    </row>
    <row r="23" spans="1:36" s="3" customFormat="1" ht="30" customHeight="1" x14ac:dyDescent="0.35">
      <c r="A23" s="4">
        <v>20</v>
      </c>
      <c r="B23" s="5" t="s">
        <v>19</v>
      </c>
      <c r="C23" s="6" t="s">
        <v>20</v>
      </c>
      <c r="D23" s="4">
        <v>20</v>
      </c>
      <c r="E23" s="5" t="s">
        <v>16</v>
      </c>
      <c r="F23" s="6" t="s">
        <v>45</v>
      </c>
      <c r="G23" s="7">
        <v>20</v>
      </c>
      <c r="H23" s="8" t="s">
        <v>22</v>
      </c>
      <c r="I23" s="9" t="s">
        <v>4</v>
      </c>
      <c r="J23" s="4">
        <v>20</v>
      </c>
      <c r="K23" s="5" t="s">
        <v>19</v>
      </c>
      <c r="L23" s="6" t="s">
        <v>20</v>
      </c>
      <c r="M23" s="4">
        <v>20</v>
      </c>
      <c r="N23" s="5" t="s">
        <v>25</v>
      </c>
      <c r="O23" s="6" t="s">
        <v>23</v>
      </c>
      <c r="P23" s="7">
        <v>20</v>
      </c>
      <c r="Q23" s="8" t="s">
        <v>26</v>
      </c>
      <c r="R23" s="9" t="s">
        <v>4</v>
      </c>
      <c r="S23" s="4">
        <v>20</v>
      </c>
      <c r="T23" s="5" t="s">
        <v>24</v>
      </c>
      <c r="U23" s="6" t="s">
        <v>20</v>
      </c>
      <c r="V23" s="7">
        <v>20</v>
      </c>
      <c r="W23" s="8" t="s">
        <v>18</v>
      </c>
      <c r="X23" s="9" t="s">
        <v>4</v>
      </c>
      <c r="Y23" s="7">
        <v>20</v>
      </c>
      <c r="Z23" s="8" t="s">
        <v>26</v>
      </c>
      <c r="AA23" s="9" t="s">
        <v>4</v>
      </c>
      <c r="AB23" s="7">
        <v>20</v>
      </c>
      <c r="AC23" s="8" t="s">
        <v>16</v>
      </c>
      <c r="AD23" s="9" t="s">
        <v>21</v>
      </c>
      <c r="AE23" s="7">
        <v>20</v>
      </c>
      <c r="AF23" s="8" t="s">
        <v>22</v>
      </c>
      <c r="AG23" s="9" t="s">
        <v>4</v>
      </c>
      <c r="AH23" s="4">
        <v>20</v>
      </c>
      <c r="AI23" s="5" t="s">
        <v>22</v>
      </c>
      <c r="AJ23" s="6" t="s">
        <v>62</v>
      </c>
    </row>
    <row r="24" spans="1:36" s="3" customFormat="1" ht="30" customHeight="1" x14ac:dyDescent="0.35">
      <c r="A24" s="4">
        <v>21</v>
      </c>
      <c r="B24" s="5" t="s">
        <v>24</v>
      </c>
      <c r="C24" s="6" t="s">
        <v>20</v>
      </c>
      <c r="D24" s="7">
        <v>21</v>
      </c>
      <c r="E24" s="8" t="s">
        <v>25</v>
      </c>
      <c r="F24" s="9" t="s">
        <v>4</v>
      </c>
      <c r="G24" s="7">
        <v>21</v>
      </c>
      <c r="H24" s="8" t="s">
        <v>26</v>
      </c>
      <c r="I24" s="9" t="s">
        <v>4</v>
      </c>
      <c r="J24" s="4">
        <v>21</v>
      </c>
      <c r="K24" s="5" t="s">
        <v>24</v>
      </c>
      <c r="L24" s="6" t="s">
        <v>23</v>
      </c>
      <c r="M24" s="4">
        <v>21</v>
      </c>
      <c r="N24" s="5" t="s">
        <v>18</v>
      </c>
      <c r="O24" s="6" t="s">
        <v>23</v>
      </c>
      <c r="P24" s="4">
        <v>21</v>
      </c>
      <c r="Q24" s="5" t="s">
        <v>19</v>
      </c>
      <c r="R24" s="6" t="s">
        <v>20</v>
      </c>
      <c r="S24" s="7">
        <v>21</v>
      </c>
      <c r="T24" s="8" t="s">
        <v>16</v>
      </c>
      <c r="U24" s="9" t="s">
        <v>35</v>
      </c>
      <c r="V24" s="7">
        <v>21</v>
      </c>
      <c r="W24" s="8" t="s">
        <v>22</v>
      </c>
      <c r="X24" s="9" t="s">
        <v>4</v>
      </c>
      <c r="Y24" s="4">
        <v>21</v>
      </c>
      <c r="Z24" s="5" t="s">
        <v>19</v>
      </c>
      <c r="AA24" s="6" t="s">
        <v>20</v>
      </c>
      <c r="AB24" s="7">
        <v>21</v>
      </c>
      <c r="AC24" s="8" t="s">
        <v>25</v>
      </c>
      <c r="AD24" s="9" t="s">
        <v>4</v>
      </c>
      <c r="AE24" s="7">
        <v>21</v>
      </c>
      <c r="AF24" s="8" t="s">
        <v>26</v>
      </c>
      <c r="AG24" s="9" t="s">
        <v>4</v>
      </c>
      <c r="AH24" s="7">
        <v>21</v>
      </c>
      <c r="AI24" s="8" t="s">
        <v>26</v>
      </c>
      <c r="AJ24" s="9" t="s">
        <v>57</v>
      </c>
    </row>
    <row r="25" spans="1:36" s="3" customFormat="1" ht="30" customHeight="1" x14ac:dyDescent="0.35">
      <c r="A25" s="7">
        <v>22</v>
      </c>
      <c r="B25" s="8" t="s">
        <v>16</v>
      </c>
      <c r="C25" s="9" t="s">
        <v>21</v>
      </c>
      <c r="D25" s="7">
        <v>22</v>
      </c>
      <c r="E25" s="8" t="s">
        <v>18</v>
      </c>
      <c r="F25" s="9" t="s">
        <v>4</v>
      </c>
      <c r="G25" s="4">
        <v>22</v>
      </c>
      <c r="H25" s="5" t="s">
        <v>19</v>
      </c>
      <c r="I25" s="6" t="s">
        <v>20</v>
      </c>
      <c r="J25" s="4">
        <v>22</v>
      </c>
      <c r="K25" s="5" t="s">
        <v>16</v>
      </c>
      <c r="L25" s="6" t="s">
        <v>23</v>
      </c>
      <c r="M25" s="4">
        <v>22</v>
      </c>
      <c r="N25" s="5" t="s">
        <v>22</v>
      </c>
      <c r="O25" s="6" t="s">
        <v>23</v>
      </c>
      <c r="P25" s="4">
        <v>22</v>
      </c>
      <c r="Q25" s="5" t="s">
        <v>24</v>
      </c>
      <c r="R25" s="6" t="s">
        <v>63</v>
      </c>
      <c r="S25" s="7">
        <v>22</v>
      </c>
      <c r="T25" s="8" t="s">
        <v>25</v>
      </c>
      <c r="U25" s="9" t="s">
        <v>4</v>
      </c>
      <c r="V25" s="7">
        <v>22</v>
      </c>
      <c r="W25" s="8" t="s">
        <v>26</v>
      </c>
      <c r="X25" s="9" t="s">
        <v>4</v>
      </c>
      <c r="Y25" s="4">
        <v>22</v>
      </c>
      <c r="Z25" s="5" t="s">
        <v>24</v>
      </c>
      <c r="AA25" s="6" t="s">
        <v>20</v>
      </c>
      <c r="AB25" s="7">
        <v>22</v>
      </c>
      <c r="AC25" s="8" t="s">
        <v>18</v>
      </c>
      <c r="AD25" s="9" t="s">
        <v>39</v>
      </c>
      <c r="AE25" s="4">
        <v>22</v>
      </c>
      <c r="AF25" s="5" t="s">
        <v>19</v>
      </c>
      <c r="AG25" s="6" t="s">
        <v>20</v>
      </c>
      <c r="AH25" s="4">
        <v>22</v>
      </c>
      <c r="AI25" s="5" t="s">
        <v>19</v>
      </c>
      <c r="AJ25" s="6" t="s">
        <v>20</v>
      </c>
    </row>
    <row r="26" spans="1:36" s="3" customFormat="1" ht="30" customHeight="1" x14ac:dyDescent="0.35">
      <c r="A26" s="7">
        <v>23</v>
      </c>
      <c r="B26" s="8" t="s">
        <v>25</v>
      </c>
      <c r="C26" s="10" t="s">
        <v>77</v>
      </c>
      <c r="D26" s="7">
        <v>23</v>
      </c>
      <c r="E26" s="8" t="s">
        <v>22</v>
      </c>
      <c r="F26" s="9" t="s">
        <v>91</v>
      </c>
      <c r="G26" s="4">
        <v>23</v>
      </c>
      <c r="H26" s="5" t="s">
        <v>24</v>
      </c>
      <c r="I26" s="6" t="s">
        <v>20</v>
      </c>
      <c r="J26" s="4">
        <v>23</v>
      </c>
      <c r="K26" s="5" t="s">
        <v>25</v>
      </c>
      <c r="L26" s="6" t="s">
        <v>23</v>
      </c>
      <c r="M26" s="4">
        <v>23</v>
      </c>
      <c r="N26" s="5" t="s">
        <v>26</v>
      </c>
      <c r="O26" s="6" t="s">
        <v>23</v>
      </c>
      <c r="P26" s="4">
        <v>23</v>
      </c>
      <c r="Q26" s="5" t="s">
        <v>16</v>
      </c>
      <c r="R26" s="6" t="s">
        <v>37</v>
      </c>
      <c r="S26" s="7">
        <v>23</v>
      </c>
      <c r="T26" s="8" t="s">
        <v>18</v>
      </c>
      <c r="U26" s="9" t="s">
        <v>4</v>
      </c>
      <c r="V26" s="4">
        <v>23</v>
      </c>
      <c r="W26" s="5" t="s">
        <v>19</v>
      </c>
      <c r="X26" s="6" t="s">
        <v>64</v>
      </c>
      <c r="Y26" s="7">
        <v>23</v>
      </c>
      <c r="Z26" s="8" t="s">
        <v>16</v>
      </c>
      <c r="AA26" s="9" t="s">
        <v>4</v>
      </c>
      <c r="AB26" s="7">
        <v>23</v>
      </c>
      <c r="AC26" s="8" t="s">
        <v>22</v>
      </c>
      <c r="AD26" s="9" t="s">
        <v>4</v>
      </c>
      <c r="AE26" s="4">
        <v>23</v>
      </c>
      <c r="AF26" s="5" t="s">
        <v>24</v>
      </c>
      <c r="AG26" s="6" t="s">
        <v>65</v>
      </c>
      <c r="AH26" s="4">
        <v>23</v>
      </c>
      <c r="AI26" s="5" t="s">
        <v>24</v>
      </c>
      <c r="AJ26" s="6" t="s">
        <v>20</v>
      </c>
    </row>
    <row r="27" spans="1:36" s="3" customFormat="1" ht="30" customHeight="1" x14ac:dyDescent="0.35">
      <c r="A27" s="7">
        <v>24</v>
      </c>
      <c r="B27" s="8" t="s">
        <v>18</v>
      </c>
      <c r="C27" s="9" t="s">
        <v>4</v>
      </c>
      <c r="D27" s="7">
        <v>24</v>
      </c>
      <c r="E27" s="8" t="s">
        <v>26</v>
      </c>
      <c r="F27" s="9" t="s">
        <v>4</v>
      </c>
      <c r="G27" s="7">
        <v>24</v>
      </c>
      <c r="H27" s="8" t="s">
        <v>16</v>
      </c>
      <c r="I27" s="9" t="s">
        <v>35</v>
      </c>
      <c r="J27" s="4">
        <v>24</v>
      </c>
      <c r="K27" s="5" t="s">
        <v>18</v>
      </c>
      <c r="L27" s="6" t="s">
        <v>23</v>
      </c>
      <c r="M27" s="4">
        <v>24</v>
      </c>
      <c r="N27" s="5" t="s">
        <v>19</v>
      </c>
      <c r="O27" s="6" t="s">
        <v>23</v>
      </c>
      <c r="P27" s="7">
        <v>24</v>
      </c>
      <c r="Q27" s="8" t="s">
        <v>25</v>
      </c>
      <c r="R27" s="9" t="s">
        <v>4</v>
      </c>
      <c r="S27" s="7">
        <v>24</v>
      </c>
      <c r="T27" s="8" t="s">
        <v>22</v>
      </c>
      <c r="U27" s="9" t="s">
        <v>82</v>
      </c>
      <c r="V27" s="4">
        <v>24</v>
      </c>
      <c r="W27" s="5" t="s">
        <v>24</v>
      </c>
      <c r="X27" s="6" t="s">
        <v>20</v>
      </c>
      <c r="Y27" s="7">
        <v>24</v>
      </c>
      <c r="Z27" s="8" t="s">
        <v>25</v>
      </c>
      <c r="AA27" s="9" t="s">
        <v>57</v>
      </c>
      <c r="AB27" s="7">
        <v>24</v>
      </c>
      <c r="AC27" s="8" t="s">
        <v>26</v>
      </c>
      <c r="AD27" s="9" t="s">
        <v>4</v>
      </c>
      <c r="AE27" s="4">
        <v>24</v>
      </c>
      <c r="AF27" s="5" t="s">
        <v>16</v>
      </c>
      <c r="AG27" s="6" t="s">
        <v>37</v>
      </c>
      <c r="AH27" s="7">
        <v>24</v>
      </c>
      <c r="AI27" s="8" t="s">
        <v>16</v>
      </c>
      <c r="AJ27" s="9" t="s">
        <v>66</v>
      </c>
    </row>
    <row r="28" spans="1:36" s="3" customFormat="1" ht="30" customHeight="1" x14ac:dyDescent="0.35">
      <c r="A28" s="7">
        <v>25</v>
      </c>
      <c r="B28" s="8" t="s">
        <v>22</v>
      </c>
      <c r="C28" s="10" t="s">
        <v>78</v>
      </c>
      <c r="D28" s="4">
        <v>25</v>
      </c>
      <c r="E28" s="5" t="s">
        <v>19</v>
      </c>
      <c r="F28" s="6" t="s">
        <v>20</v>
      </c>
      <c r="G28" s="7">
        <v>25</v>
      </c>
      <c r="H28" s="8" t="s">
        <v>25</v>
      </c>
      <c r="I28" s="9" t="s">
        <v>4</v>
      </c>
      <c r="J28" s="4">
        <v>25</v>
      </c>
      <c r="K28" s="5" t="s">
        <v>22</v>
      </c>
      <c r="L28" s="6" t="s">
        <v>23</v>
      </c>
      <c r="M28" s="4">
        <v>25</v>
      </c>
      <c r="N28" s="5" t="s">
        <v>24</v>
      </c>
      <c r="O28" s="6" t="s">
        <v>23</v>
      </c>
      <c r="P28" s="7">
        <v>25</v>
      </c>
      <c r="Q28" s="8" t="s">
        <v>18</v>
      </c>
      <c r="R28" s="9" t="s">
        <v>39</v>
      </c>
      <c r="S28" s="7">
        <v>25</v>
      </c>
      <c r="T28" s="8" t="s">
        <v>26</v>
      </c>
      <c r="U28" s="9" t="s">
        <v>4</v>
      </c>
      <c r="V28" s="7">
        <v>25</v>
      </c>
      <c r="W28" s="8" t="s">
        <v>16</v>
      </c>
      <c r="X28" s="9" t="s">
        <v>35</v>
      </c>
      <c r="Y28" s="7">
        <v>25</v>
      </c>
      <c r="Z28" s="8" t="s">
        <v>18</v>
      </c>
      <c r="AA28" s="9" t="s">
        <v>67</v>
      </c>
      <c r="AB28" s="4">
        <v>25</v>
      </c>
      <c r="AC28" s="5" t="s">
        <v>19</v>
      </c>
      <c r="AD28" s="6" t="s">
        <v>20</v>
      </c>
      <c r="AE28" s="7">
        <v>25</v>
      </c>
      <c r="AF28" s="8" t="s">
        <v>25</v>
      </c>
      <c r="AG28" s="9" t="s">
        <v>4</v>
      </c>
      <c r="AH28" s="4">
        <v>25</v>
      </c>
      <c r="AI28" s="5" t="s">
        <v>25</v>
      </c>
      <c r="AJ28" s="6" t="s">
        <v>68</v>
      </c>
    </row>
    <row r="29" spans="1:36" s="3" customFormat="1" ht="30" customHeight="1" x14ac:dyDescent="0.35">
      <c r="A29" s="7">
        <v>26</v>
      </c>
      <c r="B29" s="8" t="s">
        <v>26</v>
      </c>
      <c r="C29" s="10" t="s">
        <v>89</v>
      </c>
      <c r="D29" s="4">
        <v>26</v>
      </c>
      <c r="E29" s="5" t="s">
        <v>24</v>
      </c>
      <c r="F29" s="6" t="s">
        <v>20</v>
      </c>
      <c r="G29" s="7">
        <v>26</v>
      </c>
      <c r="H29" s="8" t="s">
        <v>18</v>
      </c>
      <c r="I29" s="9" t="s">
        <v>4</v>
      </c>
      <c r="J29" s="4">
        <v>26</v>
      </c>
      <c r="K29" s="5" t="s">
        <v>26</v>
      </c>
      <c r="L29" s="6" t="s">
        <v>23</v>
      </c>
      <c r="M29" s="4">
        <v>26</v>
      </c>
      <c r="N29" s="5" t="s">
        <v>16</v>
      </c>
      <c r="O29" s="6" t="s">
        <v>23</v>
      </c>
      <c r="P29" s="7">
        <v>26</v>
      </c>
      <c r="Q29" s="8" t="s">
        <v>22</v>
      </c>
      <c r="R29" s="9" t="s">
        <v>4</v>
      </c>
      <c r="S29" s="4">
        <v>26</v>
      </c>
      <c r="T29" s="5" t="s">
        <v>19</v>
      </c>
      <c r="U29" s="6" t="s">
        <v>20</v>
      </c>
      <c r="V29" s="7">
        <v>26</v>
      </c>
      <c r="W29" s="8" t="s">
        <v>25</v>
      </c>
      <c r="X29" s="9" t="s">
        <v>4</v>
      </c>
      <c r="Y29" s="4">
        <v>26</v>
      </c>
      <c r="Z29" s="5" t="s">
        <v>22</v>
      </c>
      <c r="AA29" s="6" t="s">
        <v>29</v>
      </c>
      <c r="AB29" s="4">
        <v>26</v>
      </c>
      <c r="AC29" s="5" t="s">
        <v>24</v>
      </c>
      <c r="AD29" s="6" t="s">
        <v>20</v>
      </c>
      <c r="AE29" s="7">
        <v>26</v>
      </c>
      <c r="AF29" s="8" t="s">
        <v>18</v>
      </c>
      <c r="AG29" s="9" t="s">
        <v>4</v>
      </c>
      <c r="AH29" s="4">
        <v>26</v>
      </c>
      <c r="AI29" s="5" t="s">
        <v>18</v>
      </c>
      <c r="AJ29" s="6" t="s">
        <v>68</v>
      </c>
    </row>
    <row r="30" spans="1:36" s="3" customFormat="1" ht="30" customHeight="1" x14ac:dyDescent="0.35">
      <c r="A30" s="4">
        <v>27</v>
      </c>
      <c r="B30" s="5" t="s">
        <v>19</v>
      </c>
      <c r="C30" s="6" t="s">
        <v>20</v>
      </c>
      <c r="D30" s="7">
        <v>27</v>
      </c>
      <c r="E30" s="8" t="s">
        <v>16</v>
      </c>
      <c r="F30" s="9" t="s">
        <v>35</v>
      </c>
      <c r="G30" s="7">
        <v>27</v>
      </c>
      <c r="H30" s="8" t="s">
        <v>22</v>
      </c>
      <c r="I30" s="9" t="s">
        <v>69</v>
      </c>
      <c r="J30" s="4">
        <v>27</v>
      </c>
      <c r="K30" s="5" t="s">
        <v>19</v>
      </c>
      <c r="L30" s="6" t="s">
        <v>23</v>
      </c>
      <c r="M30" s="4">
        <v>27</v>
      </c>
      <c r="N30" s="5" t="s">
        <v>25</v>
      </c>
      <c r="O30" s="6" t="s">
        <v>23</v>
      </c>
      <c r="P30" s="7">
        <v>27</v>
      </c>
      <c r="Q30" s="8" t="s">
        <v>26</v>
      </c>
      <c r="R30" s="9" t="s">
        <v>4</v>
      </c>
      <c r="S30" s="4">
        <v>27</v>
      </c>
      <c r="T30" s="5" t="s">
        <v>24</v>
      </c>
      <c r="U30" s="6" t="s">
        <v>20</v>
      </c>
      <c r="V30" s="7">
        <v>27</v>
      </c>
      <c r="W30" s="8" t="s">
        <v>18</v>
      </c>
      <c r="X30" s="9" t="s">
        <v>4</v>
      </c>
      <c r="Y30" s="4">
        <v>27</v>
      </c>
      <c r="Z30" s="5" t="s">
        <v>26</v>
      </c>
      <c r="AA30" s="6" t="s">
        <v>29</v>
      </c>
      <c r="AB30" s="7">
        <v>27</v>
      </c>
      <c r="AC30" s="8" t="s">
        <v>16</v>
      </c>
      <c r="AD30" s="9" t="s">
        <v>35</v>
      </c>
      <c r="AE30" s="7">
        <v>27</v>
      </c>
      <c r="AF30" s="8" t="s">
        <v>22</v>
      </c>
      <c r="AG30" s="9" t="s">
        <v>4</v>
      </c>
      <c r="AH30" s="4">
        <v>27</v>
      </c>
      <c r="AI30" s="5" t="s">
        <v>22</v>
      </c>
      <c r="AJ30" s="6" t="s">
        <v>68</v>
      </c>
    </row>
    <row r="31" spans="1:36" s="3" customFormat="1" ht="30" customHeight="1" x14ac:dyDescent="0.35">
      <c r="A31" s="4">
        <v>28</v>
      </c>
      <c r="B31" s="5" t="s">
        <v>24</v>
      </c>
      <c r="C31" s="6" t="s">
        <v>20</v>
      </c>
      <c r="D31" s="7">
        <v>28</v>
      </c>
      <c r="E31" s="8" t="s">
        <v>25</v>
      </c>
      <c r="F31" s="9" t="s">
        <v>70</v>
      </c>
      <c r="G31" s="7">
        <v>28</v>
      </c>
      <c r="H31" s="8" t="s">
        <v>26</v>
      </c>
      <c r="I31" s="9" t="s">
        <v>69</v>
      </c>
      <c r="J31" s="4">
        <v>28</v>
      </c>
      <c r="K31" s="5" t="s">
        <v>24</v>
      </c>
      <c r="L31" s="6" t="s">
        <v>23</v>
      </c>
      <c r="M31" s="4">
        <v>28</v>
      </c>
      <c r="N31" s="5" t="s">
        <v>18</v>
      </c>
      <c r="O31" s="6" t="s">
        <v>23</v>
      </c>
      <c r="P31" s="4">
        <v>28</v>
      </c>
      <c r="Q31" s="5" t="s">
        <v>19</v>
      </c>
      <c r="R31" s="6" t="s">
        <v>20</v>
      </c>
      <c r="S31" s="7">
        <v>28</v>
      </c>
      <c r="T31" s="8" t="s">
        <v>16</v>
      </c>
      <c r="U31" s="9" t="s">
        <v>4</v>
      </c>
      <c r="V31" s="7">
        <v>28</v>
      </c>
      <c r="W31" s="8" t="s">
        <v>22</v>
      </c>
      <c r="X31" s="9" t="s">
        <v>4</v>
      </c>
      <c r="Y31" s="4">
        <v>28</v>
      </c>
      <c r="Z31" s="5" t="s">
        <v>19</v>
      </c>
      <c r="AA31" s="6" t="s">
        <v>29</v>
      </c>
      <c r="AB31" s="7">
        <v>28</v>
      </c>
      <c r="AC31" s="8" t="s">
        <v>25</v>
      </c>
      <c r="AD31" s="11" t="s">
        <v>71</v>
      </c>
      <c r="AE31" s="7">
        <v>28</v>
      </c>
      <c r="AF31" s="8" t="s">
        <v>26</v>
      </c>
      <c r="AG31" s="9" t="s">
        <v>72</v>
      </c>
      <c r="AH31" s="4">
        <v>28</v>
      </c>
      <c r="AI31" s="5" t="s">
        <v>26</v>
      </c>
      <c r="AJ31" s="6" t="s">
        <v>68</v>
      </c>
    </row>
    <row r="32" spans="1:36" s="3" customFormat="1" ht="30" customHeight="1" x14ac:dyDescent="0.35">
      <c r="A32" s="4">
        <v>29</v>
      </c>
      <c r="B32" s="5" t="s">
        <v>16</v>
      </c>
      <c r="C32" s="6" t="s">
        <v>73</v>
      </c>
      <c r="D32" s="7">
        <v>29</v>
      </c>
      <c r="E32" s="8" t="s">
        <v>18</v>
      </c>
      <c r="F32" s="9" t="s">
        <v>90</v>
      </c>
      <c r="G32" s="4">
        <v>29</v>
      </c>
      <c r="H32" s="5" t="s">
        <v>19</v>
      </c>
      <c r="I32" s="6" t="s">
        <v>20</v>
      </c>
      <c r="J32" s="4">
        <v>29</v>
      </c>
      <c r="K32" s="5" t="s">
        <v>16</v>
      </c>
      <c r="L32" s="6" t="s">
        <v>23</v>
      </c>
      <c r="M32" s="4">
        <v>29</v>
      </c>
      <c r="N32" s="5" t="s">
        <v>22</v>
      </c>
      <c r="O32" s="6" t="s">
        <v>23</v>
      </c>
      <c r="P32" s="4">
        <v>29</v>
      </c>
      <c r="Q32" s="5" t="s">
        <v>24</v>
      </c>
      <c r="R32" s="6" t="s">
        <v>20</v>
      </c>
      <c r="S32" s="7">
        <v>29</v>
      </c>
      <c r="T32" s="8" t="s">
        <v>25</v>
      </c>
      <c r="U32" s="9" t="s">
        <v>4</v>
      </c>
      <c r="V32" s="7">
        <v>29</v>
      </c>
      <c r="W32" s="8" t="s">
        <v>26</v>
      </c>
      <c r="X32" s="9" t="s">
        <v>4</v>
      </c>
      <c r="Y32" s="4">
        <v>29</v>
      </c>
      <c r="Z32" s="5" t="s">
        <v>24</v>
      </c>
      <c r="AA32" s="6" t="s">
        <v>29</v>
      </c>
      <c r="AB32" s="7">
        <v>29</v>
      </c>
      <c r="AC32" s="8" t="s">
        <v>18</v>
      </c>
      <c r="AD32" s="9" t="s">
        <v>4</v>
      </c>
      <c r="AE32" s="7" t="s">
        <v>4</v>
      </c>
      <c r="AF32" s="8" t="s">
        <v>4</v>
      </c>
      <c r="AG32" s="9" t="s">
        <v>4</v>
      </c>
      <c r="AH32" s="4">
        <v>29</v>
      </c>
      <c r="AI32" s="5" t="s">
        <v>19</v>
      </c>
      <c r="AJ32" s="6" t="s">
        <v>68</v>
      </c>
    </row>
    <row r="33" spans="1:36" s="3" customFormat="1" ht="30" customHeight="1" x14ac:dyDescent="0.35">
      <c r="A33" s="7">
        <v>30</v>
      </c>
      <c r="B33" s="8" t="s">
        <v>25</v>
      </c>
      <c r="C33" s="9" t="s">
        <v>79</v>
      </c>
      <c r="D33" s="7">
        <v>30</v>
      </c>
      <c r="E33" s="8" t="s">
        <v>22</v>
      </c>
      <c r="F33" s="9" t="s">
        <v>82</v>
      </c>
      <c r="G33" s="4">
        <v>30</v>
      </c>
      <c r="H33" s="5" t="s">
        <v>24</v>
      </c>
      <c r="I33" s="6" t="s">
        <v>20</v>
      </c>
      <c r="J33" s="4">
        <v>30</v>
      </c>
      <c r="K33" s="5" t="s">
        <v>25</v>
      </c>
      <c r="L33" s="6" t="s">
        <v>23</v>
      </c>
      <c r="M33" s="4">
        <v>30</v>
      </c>
      <c r="N33" s="5" t="s">
        <v>26</v>
      </c>
      <c r="O33" s="6" t="s">
        <v>23</v>
      </c>
      <c r="P33" s="7">
        <v>30</v>
      </c>
      <c r="Q33" s="8" t="s">
        <v>16</v>
      </c>
      <c r="R33" s="9" t="s">
        <v>35</v>
      </c>
      <c r="S33" s="7">
        <v>30</v>
      </c>
      <c r="T33" s="8" t="s">
        <v>18</v>
      </c>
      <c r="U33" s="9" t="s">
        <v>4</v>
      </c>
      <c r="V33" s="4">
        <v>30</v>
      </c>
      <c r="W33" s="5" t="s">
        <v>19</v>
      </c>
      <c r="X33" s="6" t="s">
        <v>20</v>
      </c>
      <c r="Y33" s="4">
        <v>30</v>
      </c>
      <c r="Z33" s="5" t="s">
        <v>16</v>
      </c>
      <c r="AA33" s="6" t="s">
        <v>29</v>
      </c>
      <c r="AB33" s="7">
        <v>30</v>
      </c>
      <c r="AC33" s="8" t="s">
        <v>22</v>
      </c>
      <c r="AD33" s="9" t="s">
        <v>4</v>
      </c>
      <c r="AE33" s="7" t="s">
        <v>4</v>
      </c>
      <c r="AF33" s="8" t="s">
        <v>4</v>
      </c>
      <c r="AG33" s="9" t="s">
        <v>4</v>
      </c>
      <c r="AH33" s="4">
        <v>30</v>
      </c>
      <c r="AI33" s="5" t="s">
        <v>24</v>
      </c>
      <c r="AJ33" s="6" t="s">
        <v>68</v>
      </c>
    </row>
    <row r="34" spans="1:36" s="3" customFormat="1" ht="30" customHeight="1" thickBot="1" x14ac:dyDescent="0.4">
      <c r="A34" s="13" t="s">
        <v>4</v>
      </c>
      <c r="B34" s="14" t="s">
        <v>4</v>
      </c>
      <c r="C34" s="15" t="s">
        <v>4</v>
      </c>
      <c r="D34" s="13">
        <v>31</v>
      </c>
      <c r="E34" s="14" t="s">
        <v>26</v>
      </c>
      <c r="F34" s="15" t="s">
        <v>4</v>
      </c>
      <c r="G34" s="13" t="s">
        <v>4</v>
      </c>
      <c r="H34" s="14" t="s">
        <v>4</v>
      </c>
      <c r="I34" s="15" t="s">
        <v>4</v>
      </c>
      <c r="J34" s="16">
        <v>31</v>
      </c>
      <c r="K34" s="17" t="s">
        <v>18</v>
      </c>
      <c r="L34" s="18" t="s">
        <v>23</v>
      </c>
      <c r="M34" s="16">
        <v>31</v>
      </c>
      <c r="N34" s="17" t="s">
        <v>19</v>
      </c>
      <c r="O34" s="18" t="s">
        <v>23</v>
      </c>
      <c r="P34" s="13" t="s">
        <v>4</v>
      </c>
      <c r="Q34" s="14" t="s">
        <v>4</v>
      </c>
      <c r="R34" s="15" t="s">
        <v>4</v>
      </c>
      <c r="S34" s="13">
        <v>31</v>
      </c>
      <c r="T34" s="14" t="s">
        <v>22</v>
      </c>
      <c r="U34" s="15" t="s">
        <v>4</v>
      </c>
      <c r="V34" s="13" t="s">
        <v>4</v>
      </c>
      <c r="W34" s="14" t="s">
        <v>4</v>
      </c>
      <c r="X34" s="15" t="s">
        <v>4</v>
      </c>
      <c r="Y34" s="16">
        <v>31</v>
      </c>
      <c r="Z34" s="17" t="s">
        <v>25</v>
      </c>
      <c r="AA34" s="18" t="s">
        <v>29</v>
      </c>
      <c r="AB34" s="13">
        <v>31</v>
      </c>
      <c r="AC34" s="14" t="s">
        <v>26</v>
      </c>
      <c r="AD34" s="15" t="s">
        <v>4</v>
      </c>
      <c r="AE34" s="13" t="s">
        <v>4</v>
      </c>
      <c r="AF34" s="14" t="s">
        <v>4</v>
      </c>
      <c r="AG34" s="15" t="s">
        <v>4</v>
      </c>
      <c r="AH34" s="16">
        <v>31</v>
      </c>
      <c r="AI34" s="17" t="s">
        <v>16</v>
      </c>
      <c r="AJ34" s="18" t="s">
        <v>68</v>
      </c>
    </row>
    <row r="35" spans="1:36" x14ac:dyDescent="0.35">
      <c r="A35" s="19" t="s">
        <v>4</v>
      </c>
      <c r="B35" s="19" t="s">
        <v>4</v>
      </c>
      <c r="C35" s="19" t="s">
        <v>4</v>
      </c>
      <c r="D35" s="19" t="s">
        <v>4</v>
      </c>
      <c r="E35" s="19" t="s">
        <v>4</v>
      </c>
      <c r="F35" s="19" t="s">
        <v>4</v>
      </c>
      <c r="G35" s="19" t="s">
        <v>4</v>
      </c>
      <c r="H35" s="19" t="s">
        <v>4</v>
      </c>
      <c r="I35" s="19" t="s">
        <v>4</v>
      </c>
      <c r="J35" s="19" t="s">
        <v>4</v>
      </c>
      <c r="K35" s="19" t="s">
        <v>4</v>
      </c>
      <c r="L35" s="19" t="s">
        <v>4</v>
      </c>
      <c r="M35" s="19" t="s">
        <v>4</v>
      </c>
      <c r="N35" s="19" t="s">
        <v>4</v>
      </c>
      <c r="O35" s="19" t="s">
        <v>4</v>
      </c>
      <c r="P35" s="19" t="s">
        <v>4</v>
      </c>
      <c r="Q35" s="19" t="s">
        <v>4</v>
      </c>
      <c r="R35" s="19" t="s">
        <v>4</v>
      </c>
      <c r="S35" s="19" t="s">
        <v>4</v>
      </c>
      <c r="T35" s="19" t="s">
        <v>4</v>
      </c>
      <c r="U35" s="19" t="s">
        <v>4</v>
      </c>
      <c r="V35" s="19" t="s">
        <v>4</v>
      </c>
      <c r="W35" s="19" t="s">
        <v>4</v>
      </c>
      <c r="X35" s="19" t="s">
        <v>4</v>
      </c>
      <c r="Y35" s="19" t="s">
        <v>4</v>
      </c>
      <c r="Z35" s="19" t="s">
        <v>4</v>
      </c>
      <c r="AA35" s="19" t="s">
        <v>4</v>
      </c>
      <c r="AB35" s="19" t="s">
        <v>4</v>
      </c>
      <c r="AC35" s="19" t="s">
        <v>4</v>
      </c>
      <c r="AD35" s="19" t="s">
        <v>4</v>
      </c>
      <c r="AE35" s="19" t="s">
        <v>4</v>
      </c>
      <c r="AF35" s="19" t="s">
        <v>4</v>
      </c>
      <c r="AG35" s="19" t="s">
        <v>4</v>
      </c>
      <c r="AH35" s="19" t="s">
        <v>4</v>
      </c>
      <c r="AI35" s="19" t="s">
        <v>4</v>
      </c>
      <c r="AJ35" s="19" t="s">
        <v>4</v>
      </c>
    </row>
  </sheetData>
  <mergeCells count="12">
    <mergeCell ref="AH3:AJ3"/>
    <mergeCell ref="A3:C3"/>
    <mergeCell ref="D3:F3"/>
    <mergeCell ref="G3:I3"/>
    <mergeCell ref="J3:L3"/>
    <mergeCell ref="M3:O3"/>
    <mergeCell ref="P3:R3"/>
    <mergeCell ref="S3:U3"/>
    <mergeCell ref="V3:X3"/>
    <mergeCell ref="Y3:AA3"/>
    <mergeCell ref="AB3:AD3"/>
    <mergeCell ref="AE3:AG3"/>
  </mergeCells>
  <phoneticPr fontId="2"/>
  <pageMargins left="0.54" right="0.54" top="0.36" bottom="0.36" header="0.5" footer="0.5"/>
  <pageSetup paperSize="8" scale="85" orientation="landscape" r:id="rId1"/>
  <rowBreaks count="1" manualBreakCount="1">
    <brk id="3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年間行事予定 </vt:lpstr>
      <vt:lpstr>'年間行事予定 '!Print_Area</vt:lpstr>
      <vt:lpstr>'年間行事予定 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xlsx</dc:creator>
  <cp:lastModifiedBy>三島 伸仁</cp:lastModifiedBy>
  <cp:revision>0</cp:revision>
  <cp:lastPrinted>2024-04-07T09:45:54Z</cp:lastPrinted>
  <dcterms:created xsi:type="dcterms:W3CDTF">2024-04-03T08:51:52Z</dcterms:created>
  <dcterms:modified xsi:type="dcterms:W3CDTF">2024-04-17T04:21:17Z</dcterms:modified>
</cp:coreProperties>
</file>